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bookmarkStart w:id="0" w:name="_GoBack"/>
      <w:bookmarkEnd w:id="0"/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rtf1\adeflang1025\ansi\ansicpg1251\uc1\adeff0\deff0\stshfdbch0\stshfloch39\stshfhich39\stshfbi39\deflang1049\deflangfe1049\themelang1049\themelangfe0\themelangcs0{\fonttbl{\f0\fbidi \froman\fcharset204\fprq2{\*\panose 02020603050405020304}Times New Roma</w:t>
      </w:r>
      <w:r w:rsidRPr="00651F56">
        <w:rPr>
          <w:rFonts w:ascii="Courier New" w:hAnsi="Courier New" w:cs="Courier New"/>
        </w:rPr>
        <w:t>n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1\fbidi \fswiss\fcharset204\fprq2{\*\panose 020b0604020202020204}Arial;}{\f2\fbidi \fmodern\fcharset204\fprq1{\*\panose 02070309020205020404}Courier New;}{\f3\fbidi \froman\fcharset2\fprq2{\*\panose 05050102010706020507}Sym</w:t>
      </w:r>
      <w:r w:rsidRPr="00651F56">
        <w:rPr>
          <w:rFonts w:ascii="Courier New" w:hAnsi="Courier New" w:cs="Courier New"/>
        </w:rPr>
        <w:t>bol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10\fbidi \fnil\fcharset2\fprq2{\*\panose 05000000000000000000}Wingdings;}{\f10\fbidi \fnil\fcharset2\fprq2{\*\panose 05000000000000000000}Wingdings;}{\f39\fbidi \fswiss\fcharset204\fprq2{\*\panose 020f0502020204030204}Calibri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40\fbidi \fswi</w:t>
      </w:r>
      <w:r w:rsidRPr="00651F56">
        <w:rPr>
          <w:rFonts w:ascii="Courier New" w:hAnsi="Courier New" w:cs="Courier New"/>
        </w:rPr>
        <w:t>ss\fcharset204\fprq2{\*\panose 020b0604030504040204}Tahoma;}{\f41\fbidi \fswiss\fcharset204\fprq2{\*\panose 020b0604030504040204}Verdana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lomajor\f31500\fbidi \froman\fcharset204\fprq2{\*\panose 02020603050405020304}Times New Roman{\*\falt Times New R</w:t>
      </w:r>
      <w:r w:rsidRPr="00651F56">
        <w:rPr>
          <w:rFonts w:ascii="Courier New" w:hAnsi="Courier New" w:cs="Courier New"/>
        </w:rPr>
        <w:t>oman};}{\fdbmajor\f31501\fbidi \froman\fcharset204\fprq2{\*\panose 02020603050405020304}Times New Roman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himajor\f31502\fbidi \fswiss\fcharset204\fprq2{\*\panose 020f0302020204030204}Calibri Light;}{\fbimajor\f31503\fbidi \fro</w:t>
      </w:r>
      <w:r w:rsidRPr="00651F56">
        <w:rPr>
          <w:rFonts w:ascii="Courier New" w:hAnsi="Courier New" w:cs="Courier New"/>
        </w:rPr>
        <w:t>man\fcharset204\fprq2{\*\panose 02020603050405020304}Times New Roman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lominor\f31504\fbidi \froman\fcharset204\fprq2{\*\panose 02020603050405020304}Times New Roman{\*\falt Times New Roman};}{\fdbminor\f31505\fbidi \froman\fcha</w:t>
      </w:r>
      <w:r w:rsidRPr="00651F56">
        <w:rPr>
          <w:rFonts w:ascii="Courier New" w:hAnsi="Courier New" w:cs="Courier New"/>
        </w:rPr>
        <w:t>rset204\fprq2{\*\panose 02020603050405020304}Times New Roman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himinor\f31506\fbidi \fswiss\fcharset204\fprq2{\*\panose 020f0502020204030204}Calibri;}{\fbiminor\f31507\fbidi \froman\fcharset204\fprq2{\*\panose 02020603050405020</w:t>
      </w:r>
      <w:r w:rsidRPr="00651F56">
        <w:rPr>
          <w:rFonts w:ascii="Courier New" w:hAnsi="Courier New" w:cs="Courier New"/>
        </w:rPr>
        <w:t>304}Times New Roman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{\f279\fbidi \froman\fcharset0\fprq2 Times New Roman{\*\falt Times New Roman};}{\f277\fbidi \froman\fcharset238\fprq2 Times New Roman CE{\*\falt Times New Roman};}{\f280\fbidi \froman\fcharset161\fprq2 Times </w:t>
      </w:r>
      <w:r w:rsidRPr="00651F56">
        <w:rPr>
          <w:rFonts w:ascii="Courier New" w:hAnsi="Courier New" w:cs="Courier New"/>
        </w:rPr>
        <w:t>New Roman Greek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281\fbidi \froman\fcharset162\fprq2 Times New Roman Tur{\*\falt Times New Roman};}{\f282\fbidi \froman\fcharset177\fprq2 Times New Roman (Hebrew)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283\fbidi \froman\fcharset178\fp</w:t>
      </w:r>
      <w:r w:rsidRPr="00651F56">
        <w:rPr>
          <w:rFonts w:ascii="Courier New" w:hAnsi="Courier New" w:cs="Courier New"/>
        </w:rPr>
        <w:t>rq2 Times New Roman (Arabic){\*\falt Times New Roman};}{\f284\fbidi \froman\fcharset186\fprq2 Times New Roman Baltic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285\fbidi \froman\fcharset163\fprq2 Times New Roman (Vietnamese){\*\falt Times New Roman};}{\f289\fbidi \fsw</w:t>
      </w:r>
      <w:r w:rsidRPr="00651F56">
        <w:rPr>
          <w:rFonts w:ascii="Courier New" w:hAnsi="Courier New" w:cs="Courier New"/>
        </w:rPr>
        <w:t>iss\fcharset0\fprq2 Arial;}{\f287\fbidi \fswiss\fcharset238\fprq2 Arial CE;}{\f290\fbidi \fswiss\fcharset161\fprq2 Arial Greek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291\fbidi \fswiss\fcharset162\fprq2 Arial Tur;}{\f292\fbidi \fswiss\fcharset177\fprq2 Arial (Hebrew);}{\f293\fbidi \fswiss\</w:t>
      </w:r>
      <w:r w:rsidRPr="00651F56">
        <w:rPr>
          <w:rFonts w:ascii="Courier New" w:hAnsi="Courier New" w:cs="Courier New"/>
        </w:rPr>
        <w:t>fcharset178\fprq2 Arial (Arabic);}{\f294\fbidi \fswiss\fcharset186\fprq2 Arial Baltic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{\f295\fbidi \fswiss\fcharset163\fprq2 Arial (Vietnamese);}{\f299\fbidi \fmodern\fcharset0\fprq1 Courier New;}{\f297\fbidi </w:t>
      </w:r>
      <w:r w:rsidRPr="00651F56">
        <w:rPr>
          <w:rFonts w:ascii="Courier New" w:hAnsi="Courier New" w:cs="Courier New"/>
        </w:rPr>
        <w:lastRenderedPageBreak/>
        <w:t>\fmodern\fcharset238\fprq1 Courier New CE;}{</w:t>
      </w:r>
      <w:r w:rsidRPr="00651F56">
        <w:rPr>
          <w:rFonts w:ascii="Courier New" w:hAnsi="Courier New" w:cs="Courier New"/>
        </w:rPr>
        <w:t>\f300\fbidi \fmodern\fcharset161\fprq1 Courier New Greek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301\fbidi \fmodern\fcharset162\fprq1 Courier New Tur;}{\f302\fbidi \fmodern\fcharset177\fprq1 Courier New (Hebrew);}{\f303\fbidi \fmodern\fcharset178\fprq1 Courier New (Arabic);}{\f304\fbidi \f</w:t>
      </w:r>
      <w:r w:rsidRPr="00651F56">
        <w:rPr>
          <w:rFonts w:ascii="Courier New" w:hAnsi="Courier New" w:cs="Courier New"/>
        </w:rPr>
        <w:t>modern\fcharset186\fprq1 Courier New Baltic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305\fbidi \fmodern\fcharset163\fprq1 Courier New (Vietnamese);}{\f669\fbidi \fswiss\fcharset0\fprq2 Calibri;}{\f667\fbidi \fswiss\fcharset238\fprq2 Calibri CE;}{\f670\fbidi \fswiss\fcharset161\fprq2 Calibri</w:t>
      </w:r>
      <w:r w:rsidRPr="00651F56">
        <w:rPr>
          <w:rFonts w:ascii="Courier New" w:hAnsi="Courier New" w:cs="Courier New"/>
        </w:rPr>
        <w:t xml:space="preserve"> Greek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671\fbidi \fswiss\fcharset162\fprq2 Calibri Tur;}{\f672\fbidi \fswiss\fcharset177\fprq2 Calibri (Hebrew);}{\f673\fbidi \fswiss\fcharset178\fprq2 Calibri (Arabic);}{\f674\fbidi \fswiss\fcharset186\fprq2 Calibri Baltic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675\fbidi \fswiss\fc</w:t>
      </w:r>
      <w:r w:rsidRPr="00651F56">
        <w:rPr>
          <w:rFonts w:ascii="Courier New" w:hAnsi="Courier New" w:cs="Courier New"/>
        </w:rPr>
        <w:t>harset163\fprq2 Calibri (Vietnamese);}{\f679\fbidi \fswiss\fcharset0\fprq2 Tahoma;}{\f677\fbidi \fswiss\fcharset238\fprq2 Tahoma CE;}{\f680\fbidi \fswiss\fcharset161\fprq2 Tahoma Greek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681\fbidi \fswiss\fcharset162\fprq2 Tahoma Tur;}{\f682\fbidi \fsw</w:t>
      </w:r>
      <w:r w:rsidRPr="00651F56">
        <w:rPr>
          <w:rFonts w:ascii="Courier New" w:hAnsi="Courier New" w:cs="Courier New"/>
        </w:rPr>
        <w:t>iss\fcharset177\fprq2 Tahoma (Hebrew);}{\f683\fbidi \fswiss\fcharset178\fprq2 Tahoma (Arabic);}{\f684\fbidi \fswiss\fcharset186\fprq2 Tahoma Baltic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685\fbidi \fswiss\fcharset163\fprq2 Tahoma (Vietnamese);}{\f686\fbidi \fswiss\fcharset222\fprq2 Tahoma</w:t>
      </w:r>
      <w:r w:rsidRPr="00651F56">
        <w:rPr>
          <w:rFonts w:ascii="Courier New" w:hAnsi="Courier New" w:cs="Courier New"/>
        </w:rPr>
        <w:t xml:space="preserve"> (Thai);}{\f689\fbidi \fswiss\fcharset0\fprq2 Verdana;}{\f687\fbidi \fswiss\fcharset238\fprq2 Verdana CE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690\fbidi \fswiss\fcharset161\fprq2 Verdana Greek;}{\f691\fbidi \fswiss\fcharset162\fprq2 Verdana Tur;}{\f694\fbidi \fswiss\fcharset186\fprq2 Ver</w:t>
      </w:r>
      <w:r w:rsidRPr="00651F56">
        <w:rPr>
          <w:rFonts w:ascii="Courier New" w:hAnsi="Courier New" w:cs="Courier New"/>
        </w:rPr>
        <w:t>dana Baltic;}{\f695\fbidi \fswiss\fcharset163\fprq2 Verdana (Vietnamese)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lomajor\f31510\fbidi \froman\fcharset0\fprq2 Times New Roman{\*\falt Times New Roman};}{\flomajor\f31508\fbidi \froman\fcharset238\fprq2 Times New Roman CE{\*\falt Times New Rom</w:t>
      </w:r>
      <w:r w:rsidRPr="00651F56">
        <w:rPr>
          <w:rFonts w:ascii="Courier New" w:hAnsi="Courier New" w:cs="Courier New"/>
        </w:rPr>
        <w:t>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lomajor\f31511\fbidi \froman\fcharset161\fprq2 Times New Roman Greek{\*\falt Times New Roman};}{\flomajor\f31512\fbidi \froman\fcharset162\fprq2 Times New Roman Tur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lomajor\f31513\fbidi \froman\fcharset177\fprq2 Tim</w:t>
      </w:r>
      <w:r w:rsidRPr="00651F56">
        <w:rPr>
          <w:rFonts w:ascii="Courier New" w:hAnsi="Courier New" w:cs="Courier New"/>
        </w:rPr>
        <w:t>es New Roman (Hebrew){\*\falt Times New Roman};}{\flomajor\f31514\fbidi \froman\fcharset178\fprq2 Times New Roman (Arabic)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lomajor\f31515\fbidi \froman\fcharset186\fprq2 Times New Roman Baltic{\*\falt Times New Roman};}{\flom</w:t>
      </w:r>
      <w:r w:rsidRPr="00651F56">
        <w:rPr>
          <w:rFonts w:ascii="Courier New" w:hAnsi="Courier New" w:cs="Courier New"/>
        </w:rPr>
        <w:t>ajor\f31516\fbidi \froman\fcharset163\fprq2 Times New Roman (Vietnamese)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dbmajor\f31520\fbidi \froman\fcharset0\fprq2 Times New Roman{\*\falt Times New Roman};}{\fdbmajor\f31518\fbidi \froman\fcharset238\fprq2 Times New Roman</w:t>
      </w:r>
      <w:r w:rsidRPr="00651F56">
        <w:rPr>
          <w:rFonts w:ascii="Courier New" w:hAnsi="Courier New" w:cs="Courier New"/>
        </w:rPr>
        <w:t xml:space="preserve"> CE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dbmajor\f31521\fbidi \froman\fcharset161\fprq2 Times New Roman Greek{\*\falt Times New Roman};}{\fdbmajor\f31522\fbidi \froman\fcharset162\fprq2 Times New Roman Tur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dbmajor\f31523\fbidi \fro</w:t>
      </w:r>
      <w:r w:rsidRPr="00651F56">
        <w:rPr>
          <w:rFonts w:ascii="Courier New" w:hAnsi="Courier New" w:cs="Courier New"/>
        </w:rPr>
        <w:t>man\fcharset177\fprq2 Times New Roman (Hebrew){\*\falt Times New Roman};}{\fdbmajor\f31524\fbidi \froman\fcharset178\fprq2 Times New Roman (Arabic)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dbmajor\f31525\fbidi \froman\fcharset186\fprq2 Times New Roman Baltic{\*\falt</w:t>
      </w:r>
      <w:r w:rsidRPr="00651F56">
        <w:rPr>
          <w:rFonts w:ascii="Courier New" w:hAnsi="Courier New" w:cs="Courier New"/>
        </w:rPr>
        <w:t xml:space="preserve"> Times New Roman};}{\fdbmajor\f31526\fbidi \froman\fcharset163\fprq2 Times New Roman (Vietnamese)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himajor\f31530\fbidi \fswiss\fcharset0\fprq2 Calibri Light;}{\fhimajor\f31528\fbidi \fswiss\fcharset238\fprq2 Calibri Light CE;</w:t>
      </w:r>
      <w:r w:rsidRPr="00651F56">
        <w:rPr>
          <w:rFonts w:ascii="Courier New" w:hAnsi="Courier New" w:cs="Courier New"/>
        </w:rPr>
        <w:t>}{\fhimajor\f31531\fbidi \fswiss\fcharset161\fprq2 Calibri Light Greek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himajor\f31532\fbidi \fswiss\fcharset162\fprq2 Calibri Light Tur;}{\fhimajor\f31533\fbidi \fswiss\fcharset177\fprq2 Calibri Light (Hebrew);}{\fhimajor\f31534\fbidi \fswiss\fcharse</w:t>
      </w:r>
      <w:r w:rsidRPr="00651F56">
        <w:rPr>
          <w:rFonts w:ascii="Courier New" w:hAnsi="Courier New" w:cs="Courier New"/>
        </w:rPr>
        <w:t>t178\fprq2 Calibri Light (Arabic)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himajor\f31535\fbidi \fswiss\fcharset186\fprq2 Calibri Light Baltic;}{\fhimajor\f31536\fbidi \fswiss\fcharset163\fprq2 Calibri Light (Vietnamese);}{\fbimajor\f31540\fbidi \froman\fcharset0\fprq2 Times New Roman{\*\fa</w:t>
      </w:r>
      <w:r w:rsidRPr="00651F56">
        <w:rPr>
          <w:rFonts w:ascii="Courier New" w:hAnsi="Courier New" w:cs="Courier New"/>
        </w:rPr>
        <w:t>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bimajor\f31538\fbidi \froman\fcharset238\fprq2 Times New Roman CE{\*\falt Times New Roman};}{\fbimajor\f31541\fbidi \froman\fcharset161\fprq2 Times New Roman Greek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bimajor\f31542\fbidi \froman\fchars</w:t>
      </w:r>
      <w:r w:rsidRPr="00651F56">
        <w:rPr>
          <w:rFonts w:ascii="Courier New" w:hAnsi="Courier New" w:cs="Courier New"/>
        </w:rPr>
        <w:t>et162\fprq2 Times New Roman Tur{\*\falt Times New Roman};}{\fbimajor\f31543\fbidi \froman\fcharset177\fprq2 Times New Roman (Hebrew)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bimajor\f31544\fbidi \froman\fcharset178\fprq2 Times New Roman (Arabic){\*\falt Times New Ro</w:t>
      </w:r>
      <w:r w:rsidRPr="00651F56">
        <w:rPr>
          <w:rFonts w:ascii="Courier New" w:hAnsi="Courier New" w:cs="Courier New"/>
        </w:rPr>
        <w:t>man};}{\fbimajor\f31545\fbidi \froman\fcharset186\fprq2 Times New Roman Baltic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bimajor\f31546\fbidi \froman\fcharset163\fprq2 Times New Roman (Vietnamese){\*\falt Times New Roman};}{\flominor\f31550\fbidi \froman\fcharset0\fp</w:t>
      </w:r>
      <w:r w:rsidRPr="00651F56">
        <w:rPr>
          <w:rFonts w:ascii="Courier New" w:hAnsi="Courier New" w:cs="Courier New"/>
        </w:rPr>
        <w:t>rq2 Times New Roman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lominor\f31548\fbidi \froman\fcharset238\fprq2 Times New Roman CE{\*\falt Times New Roman};}{\flominor\f31551\fbidi \froman\fcharset161\fprq2 Times New Roman Greek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lominor\f3</w:t>
      </w:r>
      <w:r w:rsidRPr="00651F56">
        <w:rPr>
          <w:rFonts w:ascii="Courier New" w:hAnsi="Courier New" w:cs="Courier New"/>
        </w:rPr>
        <w:t>1552\fbidi \froman\fcharset162\fprq2 Times New Roman Tur{\*\falt Times New Roman};}{\flominor\f31553\fbidi \froman\fcharset177\fprq2 Times New Roman (Hebrew)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lominor\f31554\fbidi \froman\fcharset178\fprq2 Times New Roman (Ara</w:t>
      </w:r>
      <w:r w:rsidRPr="00651F56">
        <w:rPr>
          <w:rFonts w:ascii="Courier New" w:hAnsi="Courier New" w:cs="Courier New"/>
        </w:rPr>
        <w:t>bic){\*\falt Times New Roman};}{\flominor\f31555\fbidi \froman\fcharset186\fprq2 Times New Roman Baltic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lominor\f31556\fbidi \froman\fcharset163\fprq2 Times New Roman (Vietnamese){\*\falt Times New Roman};}{\fdbminor\f31560\f</w:t>
      </w:r>
      <w:r w:rsidRPr="00651F56">
        <w:rPr>
          <w:rFonts w:ascii="Courier New" w:hAnsi="Courier New" w:cs="Courier New"/>
        </w:rPr>
        <w:t>bidi \froman\fcharset0\fprq2 Times New Roman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dbminor\f31558\fbidi \froman\fcharset238\fprq2 Times New Roman CE{\*\falt Times New Roman};}{\fdbminor\f31561\fbidi \froman\fcharset161\fprq2 Times New Roman Greek{\*\falt Times Ne</w:t>
      </w:r>
      <w:r w:rsidRPr="00651F56">
        <w:rPr>
          <w:rFonts w:ascii="Courier New" w:hAnsi="Courier New" w:cs="Courier New"/>
        </w:rPr>
        <w:t>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dbminor\f31562\fbidi \froman\fcharset162\fprq2 Times New Roman Tur{\*\falt Times New Roman};}{\fdbminor\f31563\fbidi \froman\fcharset177\fprq2 Times New Roman (Hebrew)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dbminor\f31564\fbidi \froman\fcharset178\f</w:t>
      </w:r>
      <w:r w:rsidRPr="00651F56">
        <w:rPr>
          <w:rFonts w:ascii="Courier New" w:hAnsi="Courier New" w:cs="Courier New"/>
        </w:rPr>
        <w:t>prq2 Times New Roman (Arabic){\*\falt Times New Roman};}{\fdbminor\f31565\fbidi \froman\fcharset186\fprq2 Times New Roman Baltic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dbminor\f31566\fbidi \froman\fcharset163\fprq2 Times New Roman (Vietnamese){\*\falt Times New Ro</w:t>
      </w:r>
      <w:r w:rsidRPr="00651F56">
        <w:rPr>
          <w:rFonts w:ascii="Courier New" w:hAnsi="Courier New" w:cs="Courier New"/>
        </w:rPr>
        <w:t>man};}{\fhiminor\f31570\fbidi \fswiss\fcharset0\fprq2 Calibri;}{\fhiminor\f31568\fbidi \fswiss\fcharset238\fprq2 Calibri CE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himinor\f31571\fbidi \fswiss\fcharset161\fprq2 Calibri Greek;}{\fhiminor\f31572\fbidi \fswiss\fcharset162\fprq2 Calibri Tur;}{</w:t>
      </w:r>
      <w:r w:rsidRPr="00651F56">
        <w:rPr>
          <w:rFonts w:ascii="Courier New" w:hAnsi="Courier New" w:cs="Courier New"/>
        </w:rPr>
        <w:t>\fhiminor\f31573\fbidi \fswiss\fcharset177\fprq2 Calibri (Hebrew)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himinor\f31574\fbidi \fswiss\fcharset178\fprq2 Calibri (Arabic);}{\fhiminor\f31575\fbidi \fswiss\fcharset186\fprq2 Calibri Baltic;}{\fhiminor\f31576\fbidi \fswiss\fcharset163\fprq2 Cal</w:t>
      </w:r>
      <w:r w:rsidRPr="00651F56">
        <w:rPr>
          <w:rFonts w:ascii="Courier New" w:hAnsi="Courier New" w:cs="Courier New"/>
        </w:rPr>
        <w:t>ibri (Vietnamese)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biminor\f31580\fbidi \froman\fcharset0\fprq2 Times New Roman{\*\falt Times New Roman};}{\fbiminor\f31578\fbidi \froman\fcharset238\fprq2 Times New Roman CE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biminor\f31581\fbidi \froman\fcharset161\fprq</w:t>
      </w:r>
      <w:r w:rsidRPr="00651F56">
        <w:rPr>
          <w:rFonts w:ascii="Courier New" w:hAnsi="Courier New" w:cs="Courier New"/>
        </w:rPr>
        <w:t>2 Times New Roman Greek{\*\falt Times New Roman};}{\fbiminor\f31582\fbidi \froman\fcharset162\fprq2 Times New Roman Tur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biminor\f31583\fbidi \froman\fcharset177\fprq2 Times New Roman (Hebrew){\*\falt Times New Roman};}{\fbimi</w:t>
      </w:r>
      <w:r w:rsidRPr="00651F56">
        <w:rPr>
          <w:rFonts w:ascii="Courier New" w:hAnsi="Courier New" w:cs="Courier New"/>
        </w:rPr>
        <w:t>nor\f31584\fbidi \froman\fcharset178\fprq2 Times New Roman (Arabic){\*\falt Times New Roman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fbiminor\f31585\fbidi \froman\fcharset186\fprq2 Times New Roman Baltic{\*\falt Times New Roman};}{\fbiminor\f31586\fbidi \froman\fcharset163\fprq2 Times New R</w:t>
      </w:r>
      <w:r w:rsidRPr="00651F56">
        <w:rPr>
          <w:rFonts w:ascii="Courier New" w:hAnsi="Courier New" w:cs="Courier New"/>
        </w:rPr>
        <w:t>oman (Vietnamese){\*\falt Times New Roman};}}{\colortbl;\red0\green0\blue0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ed0\green0\blue255;\red0\green255\blue255;\red0\green255\blue0;\red255\green0\blue255;\red255\green0\blue0;\red255\green255\blue0;\red255\green255\blue255;\red0\green0\blue128;\</w:t>
      </w:r>
      <w:r w:rsidRPr="00651F56">
        <w:rPr>
          <w:rFonts w:ascii="Courier New" w:hAnsi="Courier New" w:cs="Courier New"/>
        </w:rPr>
        <w:t>red0\green128\blue128;\red0\green128\blue0;\red128\green0\blue128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ed128\green0\blue0;\red128\green128\blue0;\red128\green128\blue128;\red192\green192\blue192;\red34\green34\blue34;}{\*\defchp \f39\fs22 }{\*\defpap \ql \li0\ri0\sa160\sl259\slmul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wid</w:t>
      </w:r>
      <w:r w:rsidRPr="00651F56">
        <w:rPr>
          <w:rFonts w:ascii="Courier New" w:hAnsi="Courier New" w:cs="Courier New"/>
        </w:rPr>
        <w:t xml:space="preserve">ctlpar\wrapdefault\aspalpha\aspnum\faauto\adjustright\rin0\lin0\itap0 }\noqfpromote {\upr{\stylesheet{\ql \li0\ri0\widctlpar\wrapdefault\aspalpha\aspnum\faauto\adjustright\rin0\lin0\itap0 \rtlch\fcs1 \af0\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0\lang1049\langfe</w:t>
      </w:r>
      <w:r w:rsidRPr="00651F56">
        <w:rPr>
          <w:rFonts w:ascii="Courier New" w:hAnsi="Courier New" w:cs="Courier New"/>
        </w:rPr>
        <w:t>1049\cgrid\langnp1049\langfenp1049 \snext0 \sqformat \spriority0 \styrsid14949409 Normal;}{\s1\qj \fi-432\li432\ri0\sb240\sa240\no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432\wrapdefault\aspalpha\aspnum\faauto\outlinelevel0\adjustright\rin0\lin432\itap0 \rtlch\fcs1 \af0\af</w:t>
      </w:r>
      <w:r w:rsidRPr="00651F56">
        <w:rPr>
          <w:rFonts w:ascii="Courier New" w:hAnsi="Courier New" w:cs="Courier New"/>
        </w:rPr>
        <w:t xml:space="preserve">s23\alang1025 \ltrch\fcs0 \b\caps\f1\fs20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0 \slink15 \slocked \sqformat \styrsid538368 heading 1;}{\s2\ql \li0\ri0\keepn\widctlpar\wrapdefault\aspalpha\aspnum\faauto\outlinelevel1\adjustr</w:t>
      </w:r>
      <w:r w:rsidRPr="00651F56">
        <w:rPr>
          <w:rFonts w:ascii="Courier New" w:hAnsi="Courier New" w:cs="Courier New"/>
        </w:rPr>
        <w:t xml:space="preserve">ight\rin0\lin0\itap0 \rtlch\fcs1 \af0\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i\fs24\lang1049\langfe1049\cgrid\langnp1049\langfenp1049 \sbasedon0 \snext0 \slink16 \sqformat \styrsid14949409 heading 2;}{\s3\qc \li0\ri0\keepn\widctlpar\wrapdefault\aspalpha\aspnum\f</w:t>
      </w:r>
      <w:r w:rsidRPr="00651F56">
        <w:rPr>
          <w:rFonts w:ascii="Courier New" w:hAnsi="Courier New" w:cs="Courier New"/>
        </w:rPr>
        <w:t xml:space="preserve">aauto\outlinelevel2\adjustright\rin0\lin0\itap0 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0\alang1025 \ltrch\fcs0 \b\fs24\lang1049\langfe1049\cgrid\langnp1049\langfenp1049 \sbasedon0 \snext0 \slink17 \sqformat \styrsid14949409 heading 3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4\qj \li0\ri0\keepn\widctlpar\wr</w:t>
      </w:r>
      <w:r w:rsidRPr="00651F56">
        <w:rPr>
          <w:rFonts w:ascii="Courier New" w:hAnsi="Courier New" w:cs="Courier New"/>
        </w:rPr>
        <w:t xml:space="preserve">apdefault\aspalpha\aspnum\faauto\outlinelevel3\adjustright\rin0\lin0\itap0 \rtlch\fcs1 \af0\afs20\alang1025 \ltrch\fcs0 \fs24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0 \slink18 \sqformat \styrsid14949409 heading 4;}{\s5\ql \li0</w:t>
      </w:r>
      <w:r w:rsidRPr="00651F56">
        <w:rPr>
          <w:rFonts w:ascii="Courier New" w:hAnsi="Courier New" w:cs="Courier New"/>
        </w:rPr>
        <w:t xml:space="preserve">\ri0\keepn\widctlpar\wrapdefault\aspalpha\aspnum\faauto\outlinelevel4\adjustright\rin0\lin0\itap0 \rtlch\fcs1 \af0\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i\fs20\lang1049\langfe1049\cgrid\langnp1049\langfenp1049 \sbasedon0 \snext0 \slink19 \sqformat \styrsid1494940</w:t>
      </w:r>
      <w:r w:rsidRPr="00651F56">
        <w:rPr>
          <w:rFonts w:ascii="Courier New" w:hAnsi="Courier New" w:cs="Courier New"/>
        </w:rPr>
        <w:t>9 heading 5;}{\s6\ql \fi-1152\li1152\ri0\sb240\sa60\no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1152\wrapdefault\aspalpha\aspnum\faauto\outlinelevel5\adjustright\rin0\lin1152\itap0 \rtlch\fcs1 \ab\af0\afs22\alang1025 \ltrch\fcs0 \b\fs22\lang1049\langfe1049\cgrid\langnp1049\</w:t>
      </w:r>
      <w:r w:rsidRPr="00651F56">
        <w:rPr>
          <w:rFonts w:ascii="Courier New" w:hAnsi="Courier New" w:cs="Courier New"/>
        </w:rPr>
        <w:t xml:space="preserve">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0 \slink20 \slocked \sqformat \styrsid538368 heading 6;}{\s7\qc \fi-1296\li1296\ri0\keepn\nowidctlpar\jclisttab\tx1296\wrapdefault\aspalpha\aspnum\faauto\outlinelevel6\adjustright\rin0\lin1296\itap0 \rtlch\fcs1 \ab\af1\afs24</w:t>
      </w:r>
      <w:r w:rsidRPr="00651F56">
        <w:rPr>
          <w:rFonts w:ascii="Courier New" w:hAnsi="Courier New" w:cs="Courier New"/>
        </w:rPr>
        <w:t xml:space="preserve">\alang102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1\fs20\lang1049\langfe1049\cgrid\langnp1049\langfenp1049 \sbasedon0 \snext0 \slink21 \slocked \sqformat \styrsid538368 heading 7;}{\s8\ql \fi-1440\li1440\ri0\sb240\sa60\no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1440\wrapdefault\aspalpha\aspnum</w:t>
      </w:r>
      <w:r w:rsidRPr="00651F56">
        <w:rPr>
          <w:rFonts w:ascii="Courier New" w:hAnsi="Courier New" w:cs="Courier New"/>
        </w:rPr>
        <w:t xml:space="preserve">\faauto\outlinelevel7\adjustright\rin0\lin1440\itap0 \rtlch\fcs1 \ai\af0\afs24\alang1025 \ltrch\fcs0 \i\fs24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0 \slink22 \slocked \sqformat \styrsid538368 heading 8;}{\s9\ql \fi-1584\li158</w:t>
      </w:r>
      <w:r w:rsidRPr="00651F56">
        <w:rPr>
          <w:rFonts w:ascii="Courier New" w:hAnsi="Courier New" w:cs="Courier New"/>
        </w:rPr>
        <w:t xml:space="preserve">4\ri0\sb240\sa60\nowidctlpar\jclisttab\tx1584\wrapdefault\aspalpha\aspnum\faauto\outlinelevel8\adjustright\rin0\lin1584\itap0 \rtlch\fcs1 \af1\afs22\alang102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1\fs22\lang1049\langfe1049\cgrid\langnp1049\langfenp1049 \sbasedon0 \snext0 \slin</w:t>
      </w:r>
      <w:r w:rsidRPr="00651F56">
        <w:rPr>
          <w:rFonts w:ascii="Courier New" w:hAnsi="Courier New" w:cs="Courier New"/>
        </w:rPr>
        <w:t>k23 \slocked \sqformat \styrsid538368 heading 9;}{\*\cs10 \additive \ssemihidden Default Paragraph Font;}{\*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s11\tsrowd\trftsWidthB3\trpaddl108\trpaddr108\trpaddfl3\trpaddft3\trpaddfb3\trpaddfr3\tblind0\tblindtype3\tsvertalt\tsbrdrt\tsbrdrl\tsbrdrb\tsbr</w:t>
      </w:r>
      <w:r w:rsidRPr="00651F56">
        <w:rPr>
          <w:rFonts w:ascii="Courier New" w:hAnsi="Courier New" w:cs="Courier New"/>
        </w:rPr>
        <w:t>drr\tsbrdrdgl\tsbrdrdgr\tsbrdrh\tsbrdrv \ql \li0\ri0\sa160\sl259\slmul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widctlpar\wrapdefault\aspalpha\aspnum\faauto\adjustright\rin0\lin0\itap0 \rtlch\fcs1 \af39\afs22\alang1025 \ltrch\fcs0 \f39\fs22\lang1049\langfe1049\cgrid\langnp1049\langfenp1049 \s</w:t>
      </w:r>
      <w:r w:rsidRPr="00651F56">
        <w:rPr>
          <w:rFonts w:ascii="Courier New" w:hAnsi="Courier New" w:cs="Courier New"/>
        </w:rPr>
        <w:t xml:space="preserve">next11 \ssemihidden \sunhideused Normal Table;}{\*\cs15 \additive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3 \ltrch\fcs0 \b\caps\f1\fs23 \sbasedon10 \slink1 \slocked \styrsid538368 \'c7\'e0\'e3\'ee\'eb\'ee\'e2\'ee\'ea 1 \'c7\'ed\'e0\'ea;}{\*\cs16 \additive \rtlch\fcs1 \af0\</w:t>
      </w:r>
      <w:r w:rsidRPr="00651F56">
        <w:rPr>
          <w:rFonts w:ascii="Courier New" w:hAnsi="Courier New" w:cs="Courier New"/>
        </w:rPr>
        <w:t xml:space="preserve">afs2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b\i\f0\fs20\lang0\langfe1049\langnp0\langfenp1049 \sbasedon10 \slink2 \slocked \styrsid14949409 \'c7\'e0\'e3\'ee\'eb\'ee\'e2\'ee\'ea 2 \'c7\'ed\'e0\'ea;}{\*\cs17 \additive \rtlch\fcs1 \af0\afs2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f0\fs20\lang0\langfe104</w:t>
      </w:r>
      <w:r w:rsidRPr="00651F56">
        <w:rPr>
          <w:rFonts w:ascii="Courier New" w:hAnsi="Courier New" w:cs="Courier New"/>
        </w:rPr>
        <w:t xml:space="preserve">9\langnp0\langfenp1049 \sbasedon10 \slink3 \slocked \styrsid14949409 \'c7\'e0\'e3\'ee\'eb\'ee\'e2\'ee\'ea 3 \'c7\'ed\'e0\'ea;}{\*\cs18 \additive \rtlch\fcs1 \af0\afs20 \ltrch\fcs0 \f0\fs20\lang0\langfe1049\langnp0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10 \slink4 \slocke</w:t>
      </w:r>
      <w:r w:rsidRPr="00651F56">
        <w:rPr>
          <w:rFonts w:ascii="Courier New" w:hAnsi="Courier New" w:cs="Courier New"/>
        </w:rPr>
        <w:t xml:space="preserve">d \styrsid14949409 \'c7\'e0\'e3\'ee\'eb\'ee\'e2\'ee\'ea 4 \'c7\'ed\'e0\'ea;}{\*\cs19 \additive \rtlch\fcs1 \af0\afs20 \ltrch\fcs0 \i\f0\fs20\lang0\langfe1049\langnp0\langfenp1049 \sbasedon10 \slink5 \slocked \styrsid1494940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7\'e0\'e3\'ee\'eb\'ee\'e2\</w:t>
      </w:r>
      <w:r w:rsidRPr="00651F56">
        <w:rPr>
          <w:rFonts w:ascii="Courier New" w:hAnsi="Courier New" w:cs="Courier New"/>
        </w:rPr>
        <w:t xml:space="preserve">'ee\'ea 5 \'c7\'ed\'e0\'ea;}{\*\cs20 \additive \rtlch\fcs1 \ab\af0 \ltrch\fcs0 \b\f0 \sbasedon10 \slink6 \slocked \styrsid538368 \'c7\'e0\'e3\'ee\'eb\'ee\'e2\'ee\'ea 6 \'c7\'ed\'e0\'ea;}{\*\cs21 \additive 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ab\af1\afs24 \ltrch\fcs0 \b\f1\fs24 </w:t>
      </w:r>
      <w:r w:rsidRPr="00651F56">
        <w:rPr>
          <w:rFonts w:ascii="Courier New" w:hAnsi="Courier New" w:cs="Courier New"/>
        </w:rPr>
        <w:t xml:space="preserve">\sbasedon10 \slink7 \slocked \styrsid538368 \'c7\'e0\'e3\'ee\'eb\'ee\'e2\'ee\'ea 7 \'c7\'ed\'e0\'ea;}{\*\cs22 \additive \rtlch\fcs1 \ai\af0\afs24 \ltrch\fcs0 \i\f0\fs24 \sbasedon10 \slink8 \slocked \sty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7\'e0\'e3\'ee\'eb\'ee\'e2\'ee\'ea 8 \'</w:t>
      </w:r>
      <w:r w:rsidRPr="00651F56">
        <w:rPr>
          <w:rFonts w:ascii="Courier New" w:hAnsi="Courier New" w:cs="Courier New"/>
        </w:rPr>
        <w:t>c7\'ed\'e0\'ea;}{\*\cs23 \additive \rtlch\fcs1 \af1 \ltrch\fcs0 \f1 \sbasedon10 \slink9 \slocked \styrsid538368 \'c7\'e0\'e3\'ee\'eb\'ee\'e2\'ee\'ea 9 \'c7\'ed\'e0\'ea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24\qj \li0\ri0\widctlpar\wrapdefault\aspalpha\aspnum\faauto\adjustright\rin0\lin0\</w:t>
      </w:r>
      <w:r w:rsidRPr="00651F56">
        <w:rPr>
          <w:rFonts w:ascii="Courier New" w:hAnsi="Courier New" w:cs="Courier New"/>
        </w:rPr>
        <w:t>itap0 \rtlch\fcs1 \af0\afs20\alang1025 \ltrch\fcs0 \fs24\lang1049\langfe1049\cgrid\langnp1049\langfenp1049 \sbasedon0 \snext24 \slink25 \styrsid14949409 Body Text;}{\*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cs25 \additive \rtlch\fcs1 \af0\afs20 \ltrch\fcs0 \f0\fs20\lang0\langfe1049\langnp0\la</w:t>
      </w:r>
      <w:r w:rsidRPr="00651F56">
        <w:rPr>
          <w:rFonts w:ascii="Courier New" w:hAnsi="Courier New" w:cs="Courier New"/>
        </w:rPr>
        <w:t>ngfenp1049 \sbasedon10 \slink24 \slocked \styrsid14949409 \'ce\'f1\'ed\'ee\'e2\'ed\'ee\'e9 \'f2\'e5\'ea\'f1\'f2 \'c7\'ed\'e0\'ea;}{\s26\ql \li0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qc\tx4153\tqr\tx8306\wrapdefault\aspalpha\aspnum\faauto\adjustright\rin0\lin0\itap0 \rtlch\fcs1</w:t>
      </w:r>
      <w:r w:rsidRPr="00651F56">
        <w:rPr>
          <w:rFonts w:ascii="Courier New" w:hAnsi="Courier New" w:cs="Courier New"/>
        </w:rPr>
        <w:t xml:space="preserve"> \af0\afs20\alang1025 \ltrch\fcs0 \fs20\lang1049\langfe1049\cgrid\langnp1049\langfenp1049 \sbasedon0 \snext26 \slink27 \styrsid1494940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ooter,Ie?iee eieiioeooe Ciae,\'cd\'e8\'e6\'ed\'e8\'e9 \'ea\'ee\'eb\'ee\'ed\'f2\'e8\'f2oe Ciae;}{\*\cs27 \additive \rt</w:t>
      </w:r>
      <w:r w:rsidRPr="00651F56">
        <w:rPr>
          <w:rFonts w:ascii="Courier New" w:hAnsi="Courier New" w:cs="Courier New"/>
        </w:rPr>
        <w:t xml:space="preserve">lch\fcs1 \af0\afs20 \ltrch\fcs0 \f0\fs20\lang0\langfe1049\langnp0\langfenp1049 \sbasedon10 \slink26 \slocked \styrsid1494940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d\'e8\'e6\'ed\'e8\'e9 \'ea\'ee\'eb\'ee\'ed\'f2\'e8\'f2\'f3\'eb \'c7\'ed\'e0\'ea,Ie?iee eieiioeooe Ciae \'c7\'ed\'e0\'ea,\'cd\</w:t>
      </w:r>
      <w:r w:rsidRPr="00651F56">
        <w:rPr>
          <w:rFonts w:ascii="Courier New" w:hAnsi="Courier New" w:cs="Courier New"/>
        </w:rPr>
        <w:t>'e8\'e6\'ed\'e8\'e9 \'ea\'ee\'eb\'ee\'ed\'f2\'e8\'f2oe Ciae \'c7\'ed\'e0\'ea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28\qj \fi284\li0\ri0\widctlpar\wrapdefault\aspalpha\aspnum\faauto\adjustright\rin0\lin0\itap0 \rtlch\fcs1 \af0\afs20\alang1025 \ltrch\fcs0 \fs24\lang1049\langfe1049\cgrid\la</w:t>
      </w:r>
      <w:r w:rsidRPr="00651F56">
        <w:rPr>
          <w:rFonts w:ascii="Courier New" w:hAnsi="Courier New" w:cs="Courier New"/>
        </w:rPr>
        <w:t xml:space="preserve">ngnp1049\langfenp1049 \sbasedon0 \snext28 \slink29 \styrsid1494940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Body Text Indent 2;}{\*\cs29 \additive \rtlch\fcs1 \af0\afs20 \ltrch\fcs0 \f0\fs20\lang0\langfe1049\langnp0\langfenp1049 \sbasedon10 \slink28 \slocked \styrsid1494940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e\'f1\'ed\'ee</w:t>
      </w:r>
      <w:r w:rsidRPr="00651F56">
        <w:rPr>
          <w:rFonts w:ascii="Courier New" w:hAnsi="Courier New" w:cs="Courier New"/>
        </w:rPr>
        <w:t xml:space="preserve">\'e2\'ed\'ee\'e9 \'f2\'e5\'ea\'f1\'f2 \'f1 \'ee\'f2\'f1\'f2\'f3\'ef\'ee\'ec 2 \'c7\'ed\'e0\'ea;}{\s30\ql \li0\ri0\widctlpar\wrapdefault\aspalpha\aspnum\faauto\adjustright\rin0\lin0\itap0 \rtlch\fcs1 \af0\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lang1049\langfe1</w:t>
      </w:r>
      <w:r w:rsidRPr="00651F56">
        <w:rPr>
          <w:rFonts w:ascii="Courier New" w:hAnsi="Courier New" w:cs="Courier New"/>
        </w:rPr>
        <w:t xml:space="preserve">049\cgrid\langnp1049\langfenp1049 \sbasedon0 \snext30 \slink31 \styrsid14949409 Body Text 3;}{\*\cs31 \additive \rtlch\fcs1 \af0\afs20 \ltrch\fcs0 \f0\fs20\lang0\langfe1049\langnp0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10 \slink30 \slocked \styrsid14949409 \'ce\'f1\'ed\</w:t>
      </w:r>
      <w:r w:rsidRPr="00651F56">
        <w:rPr>
          <w:rFonts w:ascii="Courier New" w:hAnsi="Courier New" w:cs="Courier New"/>
        </w:rPr>
        <w:t>'ee\'e2\'ed\'ee\'e9 \'f2\'e5\'ea\'f1\'f2 3 \'c7\'ed\'e0\'ea;}{\*\cs32 \additive \rtlch\fcs1 \af0 \ltrch\fcs0 \sbasedon10 \styrsid14949409 page number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33\ql \li720\ri0\widctlpar\wrapdefault\aspalpha\aspnum\faauto\adjustright\rin0\lin720\itap0\contextu</w:t>
      </w:r>
      <w:r w:rsidRPr="00651F56">
        <w:rPr>
          <w:rFonts w:ascii="Courier New" w:hAnsi="Courier New" w:cs="Courier New"/>
        </w:rPr>
        <w:t xml:space="preserve">alspace \rtlch\fcs1 \af0\afs20\alang1025 \ltrch\fcs0 \fs20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33 \sqformat \styrsid8201731 List Paragraph;}{\s34\qj \li0\ri0\sa160\sl-240\slmult0\widctlpar\jclisttab\tx360\wrapdefault\aspalp</w:t>
      </w:r>
      <w:r w:rsidRPr="00651F56">
        <w:rPr>
          <w:rFonts w:ascii="Courier New" w:hAnsi="Courier New" w:cs="Courier New"/>
        </w:rPr>
        <w:t xml:space="preserve">ha\aspnum\faauto\adjustright\rin0\lin0\itap0 \rtlch\fcs1 \af41\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41\fs20\lang1033\langfe1033\cgrid\langnp1033\langfenp1033 \sbasedon0 \snext34 \spriority0 \styrsid14949409 \'c7\'ed\'e0\'ea1;}{\s35\ql \li0\ri0\widctlpar\wrapdef</w:t>
      </w:r>
      <w:r w:rsidRPr="00651F56">
        <w:rPr>
          <w:rFonts w:ascii="Courier New" w:hAnsi="Courier New" w:cs="Courier New"/>
        </w:rPr>
        <w:t xml:space="preserve">ault\aspalpha\aspnum\faauto\adjustright\rin0\lin0\itap0 \rtlch\fcs1 \af40\afs16\alang102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f40\fs16\lang1049\langfe1049\cgrid\langnp1049\langfenp1049 \sbasedon0 \snext35 \slink36 \ssemihidden \styrsid14904161 Balloon Text;}{\*\cs36 \additive </w:t>
      </w:r>
      <w:r w:rsidRPr="00651F56">
        <w:rPr>
          <w:rFonts w:ascii="Courier New" w:hAnsi="Courier New" w:cs="Courier New"/>
        </w:rPr>
        <w:t xml:space="preserve">\rtlch\fcs1 \af40\afs16 \ltrch\fcs0 \f40\fs16\lang0\langfe1049\langnp0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10 \slink35 \slocked \ssemihidden \styrsid14904161 \'d2\'e5\'ea\'f1\'f2 \'e2\'fb\'ed\'ee\'f1\'ea\'e8 \'c7\'ed\'e0\'ea;}{\s37\qj \fi-720\li720\ri0\sa160\sl-240\sl</w:t>
      </w:r>
      <w:r w:rsidRPr="00651F56">
        <w:rPr>
          <w:rFonts w:ascii="Courier New" w:hAnsi="Courier New" w:cs="Courier New"/>
        </w:rPr>
        <w:t>mult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720\wrapdefault\aspalpha\aspnum\faauto\ls3\adjustright\rin0\lin720\itap0 \rtlch\fcs1 \af41\afs20\alang1025 \ltrch\fcs0 \f41\fs20\lang1033\langfe1033\cgrid\langnp1033\langfenp1033 \sbasedon0 \snext37 \styrsid9839095 \'c7\'ed\'e</w:t>
      </w:r>
      <w:r w:rsidRPr="00651F56">
        <w:rPr>
          <w:rFonts w:ascii="Courier New" w:hAnsi="Courier New" w:cs="Courier New"/>
        </w:rPr>
        <w:t>0\'ea11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s38\ql \li283\ri0\sa120\widctlpar\wrapdefault\aspalpha\aspnum\faauto\adjustright\rin0\lin283\itap0 \rtlch\fcs1 \af0\afs16\alang1025 \ltrch\fcs0 \fs16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38 \slink39 \ssemihidden</w:t>
      </w:r>
      <w:r w:rsidRPr="00651F56">
        <w:rPr>
          <w:rFonts w:ascii="Courier New" w:hAnsi="Courier New" w:cs="Courier New"/>
        </w:rPr>
        <w:t xml:space="preserve"> \styrsid11037392 Body Text Indent 3;}{\*\cs39 \additive \rtlch\fcs1 \af0\afs16 \ltrch\fcs0 \f0\fs16\lang0\langfe1049\langnp0\langfenp1049 \sbasedon10 \slink38 \slocked \ssemihidden \styrsid1103739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e\'f1\'ed\'ee\'e2\'ed\'ee\'e9 \'f2\'e5\'ea\'f1\'f2 \</w:t>
      </w:r>
      <w:r w:rsidRPr="00651F56">
        <w:rPr>
          <w:rFonts w:ascii="Courier New" w:hAnsi="Courier New" w:cs="Courier New"/>
        </w:rPr>
        <w:t>'f1 \'ee\'f2\'f1\'f2\'f3\'ef\'ee\'ec 3 \'c7\'ed\'e0\'ea;}{\*\ts40\tsrowd\trbrdrt\brdrs\brdrw10 \trbrdrl\brdrs\brdrw10 \trbrdrb\brdrs\brdrw10 \trbrdrr\brdrs\brdrw10 \trbrdrh\brdrs\brdrw10 \trbrdrv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rdrs\brdrw10 \trftsWidthB3\trpaddl108\trpaddr108\trpaddfl</w:t>
      </w:r>
      <w:r w:rsidRPr="00651F56">
        <w:rPr>
          <w:rFonts w:ascii="Courier New" w:hAnsi="Courier New" w:cs="Courier New"/>
        </w:rPr>
        <w:t xml:space="preserve">3\trpaddft3\trpaddfb3\trpaddfr3\tblind0\tblindtype3\tsvertalt\tsbrdrt\tsbrdrl\tsbrdrb\tsbrdrr\tsbrdrdgl\tsbrdrdgr\tsbrdrh\tsbrdrv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ql \li0\ri0\widctlpar\wrapdefault\aspalpha\aspnum\faauto\adjustright\rin0\lin0\itap0 \rtlch\fcs1 \af0\afs20\alang1025 \ltrc</w:t>
      </w:r>
      <w:r w:rsidRPr="00651F56">
        <w:rPr>
          <w:rFonts w:ascii="Courier New" w:hAnsi="Courier New" w:cs="Courier New"/>
        </w:rPr>
        <w:t>h\fcs0 \f39\fs20\lang1049\langfe1049\cgrid\langnp1049\langfenp1049 \sbasedon11 \snext40 \slocked \styrsid9646988 Table Grid;}{\*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cs41 \additive \fs25\chshdng0\chcfpat0\chcbpat8 \slink42 \slocked \spriority0 \styrsid13195834 \'ce\'f1\'ed\'ee\'e2\'ed\'ee\'</w:t>
      </w:r>
      <w:r w:rsidRPr="00651F56">
        <w:rPr>
          <w:rFonts w:ascii="Courier New" w:hAnsi="Courier New" w:cs="Courier New"/>
        </w:rPr>
        <w:t>e9 \'f2\'e5\'ea\'f1\'f2_;}{\s42\ql \fi-420\li0\ri0\sl-259\slmul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nowidctlpar\wrapdefault\aspalpha\aspnum\faauto\adjustright\rin0\lin0\itap0 \cbpat8 \rtlch\fcs1 \af39\afs25\alang1025 \ltrch\fcs0 \f39\fs25\lang1049\langfe1049\cgrid\langnp1049\langfenp1049</w:t>
      </w:r>
      <w:r w:rsidRPr="00651F56">
        <w:rPr>
          <w:rFonts w:ascii="Courier New" w:hAnsi="Courier New" w:cs="Courier New"/>
        </w:rPr>
        <w:t xml:space="preserve"> \sbasedon0 \snext42 \slink41 \spriority0 \styrsid13195834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e\'f1\'ed\'ee\'e2\'ed\'ee\'e9 \'f2\'e5\'ea\'f1\'f21;}{\s43\ql \li0\ri0\nowidctlpar\wrapdefault\aspalpha\aspnum\faauto\adjustright\rin0\lin0\itap0 \rtlch\fcs1 \af0\afs24\alang1025 \ltrch\fcs0 \</w:t>
      </w:r>
      <w:r w:rsidRPr="00651F56">
        <w:rPr>
          <w:rFonts w:ascii="Courier New" w:hAnsi="Courier New" w:cs="Courier New"/>
        </w:rPr>
        <w:t xml:space="preserve">f1\fs20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next43 \slink58 \sqformat \spriority0 \styrsid14290051 \'ce\'e1\'fb\'f7\'ed\'fb\'e93;}{\s44\ql \li0\ri0\widctlpar\wrapdefault\aspalpha\aspnum\faauto\adjustright\rin0\lin0\itap0 \rtlch\fcs1 \af0\</w:t>
      </w:r>
      <w:r w:rsidRPr="00651F56">
        <w:rPr>
          <w:rFonts w:ascii="Courier New" w:hAnsi="Courier New" w:cs="Courier New"/>
        </w:rPr>
        <w:t xml:space="preserve">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39\fs20\lang1049\langfe1033\cgrid\langnp1049\langfenp1033 \sbasedon0 \snext44 \slink45 \sunhideused \styrsid14290051 footnote text;}{\*\cs45 \additive \rtlch\fcs1 \af0\afs20 \ltrch\fcs0 \fs20\lang0\langfe1033\dbch\af0\langnp</w:t>
      </w:r>
      <w:r w:rsidRPr="00651F56">
        <w:rPr>
          <w:rFonts w:ascii="Courier New" w:hAnsi="Courier New" w:cs="Courier New"/>
        </w:rPr>
        <w:t xml:space="preserve">0\langfenp1033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10 \slink44 \slocked \styrsid14290051 \'d2\'e5\'ea\'f1\'f2 \'f1\'ed\'ee\'f1\'ea\'e8 \'c7\'ed\'e0\'ea;}{\*\cs46 \additive \rtlch\fcs1 \af0 \ltrch\fcs0 \super \sbasedon10 \sunhideused \styrsid14290051 footnote reference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s47\ql </w:t>
      </w:r>
      <w:r w:rsidRPr="00651F56">
        <w:rPr>
          <w:rFonts w:ascii="Courier New" w:hAnsi="Courier New" w:cs="Courier New"/>
        </w:rPr>
        <w:t xml:space="preserve">\li283\ri0\sa120\widctlpar\wrapdefault\aspalpha\aspnum\faauto\adjustright\rin0\lin283\itap0 \rtlch\fcs1 \af0\afs20\alang1025 \ltrch\fcs0 \fs20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47 \slink48 \ssemihidden \sunhideused \styrs</w:t>
      </w:r>
      <w:r w:rsidRPr="00651F56">
        <w:rPr>
          <w:rFonts w:ascii="Courier New" w:hAnsi="Courier New" w:cs="Courier New"/>
        </w:rPr>
        <w:t xml:space="preserve">id4735144 Body Text Indent;}{\*\cs48 \additive \rtlch\fcs1 \af0\afs20 \ltrch\fcs0 \f0\fs20 \sbasedon10 \slink47 \slocked \ssemihidden \styrsid4735144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e\'f1\'ed\'ee\'e2\'ed\'ee\'e9 \'f2\'e5\'ea\'f1\'f2 \'f1 \'ee\'f2\'f1\'f2\'f3\'ef\'ee\'ec \'c7\'ed\'e0</w:t>
      </w:r>
      <w:r w:rsidRPr="00651F56">
        <w:rPr>
          <w:rFonts w:ascii="Courier New" w:hAnsi="Courier New" w:cs="Courier New"/>
        </w:rPr>
        <w:t xml:space="preserve">\'ea;}{\s49\ql \li720\ri0\widctlpar\wrapdefault\aspalpha\aspnum\faauto\adjustright\rin0\lin720\itap0\contextualspace \rtlch\fcs1 \af0\afs20\alang102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0\lang1049\langfe1049\cgrid\langnp1049\langfenp1049 \sbasedon0 \snext49 \spriority0 \sty</w:t>
      </w:r>
      <w:r w:rsidRPr="00651F56">
        <w:rPr>
          <w:rFonts w:ascii="Courier New" w:hAnsi="Courier New" w:cs="Courier New"/>
        </w:rPr>
        <w:t>rsid4735144 \'c0\'e1\'e7\'e0\'f6 \'f1\'ef\'e8\'f1\'ea\'e01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50\ql \li720\ri0\widctlpar\wrapdefault\aspalpha\aspnum\faauto\adjustright\rin0\lin720\itap0\contextualspace \rtlch\fcs1 \af0\afs20\alang1025 \ltrch\fcs0 \fs20\lang1049\langfe1049\cgrid\langnp</w:t>
      </w:r>
      <w:r w:rsidRPr="00651F56">
        <w:rPr>
          <w:rFonts w:ascii="Courier New" w:hAnsi="Courier New" w:cs="Courier New"/>
        </w:rPr>
        <w:t xml:space="preserve">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50 \spriority0 \styrsid4735144 \'c0\'e1\'e7\'e0\'f6 \'f1\'ef\'e8\'f1\'ea\'e05;}{\s51\qj \li0\ri0\sb20\sa20\widctlpar\wrapdefault\aspalpha\aspnum\faauto\adjustright\rin0\lin0\itap0 \rtlch\fcs1 \af0\afs24\alang1025 \ltrch</w:t>
      </w:r>
      <w:r w:rsidRPr="00651F56">
        <w:rPr>
          <w:rFonts w:ascii="Courier New" w:hAnsi="Courier New" w:cs="Courier New"/>
        </w:rPr>
        <w:t xml:space="preserve">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1\fs20\lang1033\langfe1049\cgrid\langnp1033\langfenp1049 \sbasedon0 \snext51 \slink52 \styrsid7802865 \'c2\'d2\'c1_\'c4\'ee\'eb\'e6\'ed\'ee\'f1\'f2\'fc;}{\*\cs52 \additive \f1\fs24\lang1033\langfe0\langnp1033\langfenp0 \slink51 \slocked \styrsid7</w:t>
      </w:r>
      <w:r w:rsidRPr="00651F56">
        <w:rPr>
          <w:rFonts w:ascii="Courier New" w:hAnsi="Courier New" w:cs="Courier New"/>
        </w:rPr>
        <w:t xml:space="preserve">80286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c2\'d2\'c1_\'c4\'ee\'eb\'e6\'ed\'ee\'f1\'f2\'fc \'c7\'ed\'e0\'ea;}{\*\cs53 \additive \rtlch\fcs1 \af0 \ltrch\fcs0 \ul\cf2 \sbasedon10 \styrsid14644816 Hyperlink;}{\s54\ql \li0\ri0\widctlpar\wrapdefault\faauto\rin0\lin0\itap0 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1\a</w:t>
      </w:r>
      <w:r w:rsidRPr="00651F56">
        <w:rPr>
          <w:rFonts w:ascii="Courier New" w:hAnsi="Courier New" w:cs="Courier New"/>
        </w:rPr>
        <w:t>fs24\alang1025 \ltrch\fcs0 \f1\fs24\cf1\lang1049\langfe1049\cgrid\langnp1049\langfenp1049 \snext54 \styrsid8201731 Default;}{\*\cs55 \additive \f1\fs20 \styrsid2646131 Font Style14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56\ql \li0\ri0\widctlpar\wrapdefault\aspalpha\aspnum\faauto\adjustrig</w:t>
      </w:r>
      <w:r w:rsidRPr="00651F56">
        <w:rPr>
          <w:rFonts w:ascii="Courier New" w:hAnsi="Courier New" w:cs="Courier New"/>
        </w:rPr>
        <w:t xml:space="preserve">ht\rin0\lin0\itap0 \rtlch\fcs1 \af0\afs20\alang1025 \ltrch\fcs0 \fs20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56 \slink57 \sunhideused \spriority0 \styrsid8944490 annotation text;}{\*\cs57 \additive \rtlch\fcs1 \af0\afs20 \ltrc</w:t>
      </w:r>
      <w:r w:rsidRPr="00651F56">
        <w:rPr>
          <w:rFonts w:ascii="Courier New" w:hAnsi="Courier New" w:cs="Courier New"/>
        </w:rPr>
        <w:t xml:space="preserve">h\fcs0 \f0\fs20 \sbasedon10 \slink56 \slocked \spriority0 \styrsid894449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d2\'e5\'ea\'f1\'f2 \'ef\'f0\'e8\'ec\'e5\'f7\'e0\'ed\'e8\'ff \'c7\'ed\'e0\'ea;}{\*\cs58 \additive \f1\fs24 \slink43 \slocked \spriority0 \styrsid15425952 \'ce\'e1\'fb\'f7\'ed\'fb\</w:t>
      </w:r>
      <w:r w:rsidRPr="00651F56">
        <w:rPr>
          <w:rFonts w:ascii="Courier New" w:hAnsi="Courier New" w:cs="Courier New"/>
        </w:rPr>
        <w:t>'e93 \'c7\'ed\'e0\'ea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s59\ql \li0\ri0\widctlpar\wrapdefault\aspalpha\aspnum\faauto\adjustright\rin0\lin0\itap0 \rtlch\fcs1 \af0\afs20\alang1025 \ltrch\fcs0 \fs20\lang1049\langfe1049\loch\f39\hich\af39\dbch\af3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next59</w:t>
      </w:r>
      <w:r w:rsidRPr="00651F56">
        <w:rPr>
          <w:rFonts w:ascii="Courier New" w:hAnsi="Courier New" w:cs="Courier New"/>
        </w:rPr>
        <w:t xml:space="preserve"> \slink61 \sqformat \spriority0 \styrsid8990346 Normal_0;}{\s60\ql \li0\ri0\nowidctlpar\wrapdefault\aspalpha\aspnum\faauto\adjustright\rin0\lin0\itap0 \rtlch\fcs1 \af0\afs24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1\fs20\lang1049\langfe1049\cgrid\langnp1049\langfenp1049</w:t>
      </w:r>
      <w:r w:rsidRPr="00651F56">
        <w:rPr>
          <w:rFonts w:ascii="Courier New" w:hAnsi="Courier New" w:cs="Courier New"/>
        </w:rPr>
        <w:t xml:space="preserve"> \snext60 \sqformat \spriority0 \styrsid8990346 \'ce\'e1\'fb\'f7\'ed\'fb\'e96;}{\*\cs61 \additive \fs20\dbch\af39 \slink59 \slocked \spriority0 \styrsid8990346 Normal \'c7\'ed\'e0\'ea;}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*\ud\uc0{\stylesheet{\ql \li0\ri0\widctlpar\wrapdefault\aspalpha\a</w:t>
      </w:r>
      <w:r w:rsidRPr="00651F56">
        <w:rPr>
          <w:rFonts w:ascii="Courier New" w:hAnsi="Courier New" w:cs="Courier New"/>
        </w:rPr>
        <w:t xml:space="preserve">spnum\faauto\adjustright\rin0\lin0\itap0 \rtlch\fcs1 \af0\afs20\alang1025 \ltrch\fcs0 \fs20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next0 \sqformat \spriority0 \styrsid14949409 Normal;}{\s1\qj \fi-432\li432\ri0\sb240\sa240\nowidctlpar\jclistt</w:t>
      </w:r>
      <w:r w:rsidRPr="00651F56">
        <w:rPr>
          <w:rFonts w:ascii="Courier New" w:hAnsi="Courier New" w:cs="Courier New"/>
        </w:rPr>
        <w:t xml:space="preserve">ab\tx432\wrapdefault\aspalpha\aspnum\faauto\outlinelevel0\adjustright\rin0\lin432\itap0 \rtlch\fcs1 \af0\afs23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caps\f1\fs20\lang1049\langfe1049\cgrid\langnp1049\langfenp1049 \sbasedon0 \snext0 \slink15 \slocked \sqformat \styrsid</w:t>
      </w:r>
      <w:r w:rsidRPr="00651F56">
        <w:rPr>
          <w:rFonts w:ascii="Courier New" w:hAnsi="Courier New" w:cs="Courier New"/>
        </w:rPr>
        <w:t xml:space="preserve">538368 heading 1;}{\s2\ql \li0\ri0\keepn\widctlpar\wrapdefault\aspalpha\aspnum\faauto\outlinelevel1\adjustright\rin0\lin0\itap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0\alang1025 \ltrch\fcs0 \b\i\fs24\lang1049\langfe1049\cgrid\langnp1049\langfenp1049 \sbasedon0 \snext0 \s</w:t>
      </w:r>
      <w:r w:rsidRPr="00651F56">
        <w:rPr>
          <w:rFonts w:ascii="Courier New" w:hAnsi="Courier New" w:cs="Courier New"/>
        </w:rPr>
        <w:t>link16 \sqformat \styrsid14949409 heading 2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3\qc \li0\ri0\keepn\widctlpar\wrapdefault\aspalpha\aspnum\faauto\outlinelevel2\adjustright\rin0\lin0\itap0 \rtlch\fcs1 \af0\afs20\alang1025 \ltrch\fcs0 \b\fs24\lang1049\langfe1049\cgrid\langnp1049\langfenp1</w:t>
      </w:r>
      <w:r w:rsidRPr="00651F56">
        <w:rPr>
          <w:rFonts w:ascii="Courier New" w:hAnsi="Courier New" w:cs="Courier New"/>
        </w:rPr>
        <w:t xml:space="preserve">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sbasedon0 \snext0 \slink17 \sqformat \styrsid14949409 heading 3;}{\s4\qj \li0\ri0\keepn\widctlpar\wrapdefault\aspalpha\aspnum\faauto\outlinelevel3\adjustright\rin0\lin0\itap0 \rtlch\fcs1 \af0\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4\lang1049\langfe1049\c</w:t>
      </w:r>
      <w:r w:rsidRPr="00651F56">
        <w:rPr>
          <w:rFonts w:ascii="Courier New" w:hAnsi="Courier New" w:cs="Courier New"/>
        </w:rPr>
        <w:t xml:space="preserve">grid\langnp1049\langfenp1049 \sbasedon0 \snext0 \slink18 \sqformat \styrsid14949409 heading 4;}{\s5\ql \li0\ri0\keepn\widctlpar\wrapdefault\aspalpha\aspnum\faauto\outlinelevel4\adjustright\rin0\lin0\itap0 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0\alang1025 \ltrch\fcs0 \i\f</w:t>
      </w:r>
      <w:r w:rsidRPr="00651F56">
        <w:rPr>
          <w:rFonts w:ascii="Courier New" w:hAnsi="Courier New" w:cs="Courier New"/>
        </w:rPr>
        <w:t>s20\lang1049\langfe1049\cgrid\langnp1049\langfenp1049 \sbasedon0 \snext0 \slink19 \sqformat \styrsid14949409 heading 5;}{\s6\ql \fi-1152\li1152\ri0\sb240\sa60\no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1152\wrapdefault\aspalpha\aspnum\faauto\outlinelevel5\adjustright\rin0\</w:t>
      </w:r>
      <w:r w:rsidRPr="00651F56">
        <w:rPr>
          <w:rFonts w:ascii="Courier New" w:hAnsi="Courier New" w:cs="Courier New"/>
        </w:rPr>
        <w:t xml:space="preserve">lin1152\itap0 \rtlch\fcs1 \ab\af0\afs22\alang1025 \ltrch\fcs0 \b\fs22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0 \slink20 \slocked \sqformat \styrsid538368 heading 6;}{\s7\qc \fi-1296\li1296\ri0\keepn\nowidctlpar\jclisttab\tx129</w:t>
      </w:r>
      <w:r w:rsidRPr="00651F56">
        <w:rPr>
          <w:rFonts w:ascii="Courier New" w:hAnsi="Courier New" w:cs="Courier New"/>
        </w:rPr>
        <w:t xml:space="preserve">6\wrapdefault\aspalpha\aspnum\faauto\outlinelevel6\adjustright\rin0\lin1296\itap0 \rtlch\fcs1 \ab\af1\afs24\alang102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1\fs20\lang1049\langfe1049\cgrid\langnp1049\langfenp1049 \sbasedon0 \snext0 \slink21 \slocked \sqformat \styrsid538368 h</w:t>
      </w:r>
      <w:r w:rsidRPr="00651F56">
        <w:rPr>
          <w:rFonts w:ascii="Courier New" w:hAnsi="Courier New" w:cs="Courier New"/>
        </w:rPr>
        <w:t>eading 7;}{\s8\ql \fi-1440\li1440\ri0\sb240\sa60\no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1440\wrapdefault\aspalpha\aspnum\faauto\outlinelevel7\adjustright\rin0\lin1440\itap0 \rtlch\fcs1 \ai\af0\afs24\alang1025 \ltrch\fcs0 \i\fs24\lang1049\langfe1049\cgrid\langnp1049\lan</w:t>
      </w:r>
      <w:r w:rsidRPr="00651F56">
        <w:rPr>
          <w:rFonts w:ascii="Courier New" w:hAnsi="Courier New" w:cs="Courier New"/>
        </w:rPr>
        <w:t xml:space="preserve">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0 \slink22 \slocked \sqformat \styrsid538368 heading 8;}{\s9\ql \fi-1584\li1584\ri0\sb240\sa60\nowidctlpar\jclisttab\tx1584\wrapdefault\aspalpha\aspnum\faauto\outlinelevel8\adjustright\rin0\lin1584\itap0 \rtlch\fcs1 \af1\afs22\</w:t>
      </w:r>
      <w:r w:rsidRPr="00651F56">
        <w:rPr>
          <w:rFonts w:ascii="Courier New" w:hAnsi="Courier New" w:cs="Courier New"/>
        </w:rPr>
        <w:t xml:space="preserve">alang102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1\fs22\lang1049\langfe1049\cgrid\langnp1049\langfenp1049 \sbasedon0 \snext0 \slink23 \slocked \sqformat \styrsid538368 heading 9;}{\*\cs10 \additive \ssemihidden Default Paragraph Font;}{\*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s11\tsrowd\trftsWidthB3\trpaddl108\tr</w:t>
      </w:r>
      <w:r w:rsidRPr="00651F56">
        <w:rPr>
          <w:rFonts w:ascii="Courier New" w:hAnsi="Courier New" w:cs="Courier New"/>
        </w:rPr>
        <w:t>paddr108\trpaddfl3\trpaddft3\trpaddfb3\trpaddfr3\tblind0\tblindtype3\tsvertalt\tsbrdrt\tsbrdrl\tsbrdrb\tsbrdrr\tsbrdrdgl\tsbrdrdgr\tsbrdrh\tsbrdrv \ql \li0\ri0\sa160\sl259\slmul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widctlpar\wrapdefault\aspalpha\aspnum\faauto\adjustright\rin0\lin0\itap0 \</w:t>
      </w:r>
      <w:r w:rsidRPr="00651F56">
        <w:rPr>
          <w:rFonts w:ascii="Courier New" w:hAnsi="Courier New" w:cs="Courier New"/>
        </w:rPr>
        <w:t xml:space="preserve">rtlch\fcs1 \af39\afs22\alang1025 \ltrch\fcs0 \f39\fs22\lang1049\langfe1049\cgrid\langnp1049\langfenp1049 \snext11 \ssemihidden \sunhideused Normal Table;}{\*\cs15 \additive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3 \ltrch\fcs0 \b\caps\f1\fs23 \sbasedon10 \slink1 \slocked \</w:t>
      </w:r>
      <w:r w:rsidRPr="00651F56">
        <w:rPr>
          <w:rFonts w:ascii="Courier New" w:hAnsi="Courier New" w:cs="Courier New"/>
        </w:rPr>
        <w:t xml:space="preserve">styrsid538368 \'c7\'e0\'e3\'ee\'eb\'ee\'e2\'ee\'ea 1 \'c7\'ed\'e0\'ea;}{\*\cs16 \additive \rtlch\fcs1 \af0\afs2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i\f0\fs20\lang0\langfe1049\langnp0\langfenp1049 \sbasedon10 \slink2 \slocked \styrsid14949409 \'c7\'e0\'e3\'ee\'eb\'ee\'e2\'ee</w:t>
      </w:r>
      <w:r w:rsidRPr="00651F56">
        <w:rPr>
          <w:rFonts w:ascii="Courier New" w:hAnsi="Courier New" w:cs="Courier New"/>
        </w:rPr>
        <w:t xml:space="preserve">\'ea 2 \'c7\'ed\'e0\'ea;}{\*\cs17 \additive \rtlch\fcs1 \af0\afs2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f0\fs20\lang0\langfe1049\langnp0\langfenp1049 \sbasedon10 \slink3 \slocked \styrsid14949409 \'c7\'e0\'e3\'ee\'eb\'ee\'e2\'ee\'ea 3 \'c7\'ed\'e0\'ea;}{\*\cs18 \additive \rtl</w:t>
      </w:r>
      <w:r w:rsidRPr="00651F56">
        <w:rPr>
          <w:rFonts w:ascii="Courier New" w:hAnsi="Courier New" w:cs="Courier New"/>
        </w:rPr>
        <w:t xml:space="preserve">ch\fcs1 \af0\afs20 \ltrch\fcs0 \f0\fs20\lang0\langfe1049\langnp0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10 \slink4 \slocked \styrsid14949409 \'c7\'e0\'e3\'ee\'eb\'ee\'e2\'ee\'ea 4 \'c7\'ed\'e0\'ea;}{\*\cs19 \additive \rtlch\fcs1 \af0\afs20 \ltrch\fcs0 \i\f0\fs20\lang0\la</w:t>
      </w:r>
      <w:r w:rsidRPr="00651F56">
        <w:rPr>
          <w:rFonts w:ascii="Courier New" w:hAnsi="Courier New" w:cs="Courier New"/>
        </w:rPr>
        <w:t xml:space="preserve">ngfe1049\langnp0\langfenp1049 \sbasedon10 \slink5 \slocked \styrsid1494940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7\'e0\'e3\'ee\'eb\'ee\'e2\'ee\'ea 5 \'c7\'ed\'e0\'ea;}{\*\cs20 \additive \rtlch\fcs1 \ab\af0 \ltrch\fcs0 \b\f0 \sbasedon10 \slink6 \slocked \styrsid538368 \'c7\'e0\'e3\'ee\'eb</w:t>
      </w:r>
      <w:r w:rsidRPr="00651F56">
        <w:rPr>
          <w:rFonts w:ascii="Courier New" w:hAnsi="Courier New" w:cs="Courier New"/>
        </w:rPr>
        <w:t xml:space="preserve">\'ee\'e2\'ee\'ea 6 \'c7\'ed\'e0\'ea;}{\*\cs21 \additive 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1\afs24 \ltrch\fcs0 \b\f1\fs24 \sbasedon10 \slink7 \slocked \styrsid538368 \'c7\'e0\'e3\'ee\'eb\'ee\'e2\'ee\'ea 7 \'c7\'ed\'e0\'ea;}{\*\cs22 \additive \rtlch\fcs1 \ai\af0\afs24 \lt</w:t>
      </w:r>
      <w:r w:rsidRPr="00651F56">
        <w:rPr>
          <w:rFonts w:ascii="Courier New" w:hAnsi="Courier New" w:cs="Courier New"/>
        </w:rPr>
        <w:t xml:space="preserve">rch\fcs0 \i\f0\fs24 \sbasedon10 \slink8 \slocked \sty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c7\'e0\'e3\'ee\'eb\'ee\'e2\'ee\'ea 8 \'c7\'ed\'e0\'ea;}{\*\cs23 \additive \rtlch\fcs1 \af1 \ltrch\fcs0 \f1 \sbasedon10 \slink9 \slocked \styrsid538368 \'c7\'e0\'e3\'ee\'eb\'ee\'e2\'ee\'ea </w:t>
      </w:r>
      <w:r w:rsidRPr="00651F56">
        <w:rPr>
          <w:rFonts w:ascii="Courier New" w:hAnsi="Courier New" w:cs="Courier New"/>
        </w:rPr>
        <w:t>9 \'c7\'ed\'e0\'ea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24\qj \li0\ri0\widctlpar\wrapdefault\aspalpha\aspnum\faauto\adjustright\rin0\lin0\itap0 \rtlch\fcs1 \af0\afs20\alang1025 \ltrch\fcs0 \fs24\lang1049\langfe1049\cgrid\langnp1049\langfenp1049 \sbasedon0 \snext24 \slink25 \styrsid14949</w:t>
      </w:r>
      <w:r w:rsidRPr="00651F56">
        <w:rPr>
          <w:rFonts w:ascii="Courier New" w:hAnsi="Courier New" w:cs="Courier New"/>
        </w:rPr>
        <w:t>409 Body Text;}{\*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cs25 \additive \rtlch\fcs1 \af0\afs20 \ltrch\fcs0 \f0\fs20\lang0\langfe1049\langnp0\langfenp1049 \sbasedon10 \slink24 \slocked \styrsid14949409 \'ce\'f1\'ed\'ee\'e2\'ed\'ee\'e9 \'f2\'e5\'ea\'f1\'f2 \'c7\'ed\'e0\'ea;}{\s26\ql \li0\ri0\w</w:t>
      </w:r>
      <w:r w:rsidRPr="00651F56">
        <w:rPr>
          <w:rFonts w:ascii="Courier New" w:hAnsi="Courier New" w:cs="Courier New"/>
        </w:rPr>
        <w:t>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tqc\tx4153\tqr\tx8306\wrapdefault\aspalpha\aspnum\faauto\adjustright\rin0\lin0\itap0 \rtlch\fcs1 \af0\afs20\alang1025 \ltrch\fcs0 \fs20\lang1049\langfe1049\cgrid\langnp1049\langfenp1049 \sbasedon0 \snext26 \slink27 \styrsid1494940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ooter,{\uc</w:t>
      </w:r>
      <w:r w:rsidRPr="00651F56">
        <w:rPr>
          <w:rFonts w:ascii="Courier New" w:hAnsi="Courier New" w:cs="Courier New"/>
        </w:rPr>
        <w:t>1\u205 I\u232 e\u230 ?\u237 i\u232 e\u233 e \u234 e\u238 i\u235 e\u238 i\u237 i\u242 o\u232 e\u242 o\u243 o\u235 e \u199 C\u237 i\u224 a\u234 e,\'cd\'e8\'e6\'ed\'e8\'e9 \'ea\'ee\'eb\'ee\'ed\'f2\'e8\'f2\u243 o\u235 e \u199 C\u237 i\u224 a\u234 e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*\cs2</w:t>
      </w:r>
      <w:r w:rsidRPr="00651F56">
        <w:rPr>
          <w:rFonts w:ascii="Courier New" w:hAnsi="Courier New" w:cs="Courier New"/>
        </w:rPr>
        <w:t xml:space="preserve">7 \additive \rtlch\fcs1 \af0\afs20 \ltrch\fcs0 \f0\fs20\lang0\langfe1049\langnp0\langfenp1049 \sbasedon10 \slink26 \slocked \styrsid1494940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d\'e8\'e6\'ed\'e8\'e9 \'ea\'ee\'eb\'ee\'ed\'f2\'e8\'f2\'f3\'eb \'c7\'ed\'e0\'ea,{\uc1\u205 I\u232 e\u230 ?\u23</w:t>
      </w:r>
      <w:r w:rsidRPr="00651F56">
        <w:rPr>
          <w:rFonts w:ascii="Courier New" w:hAnsi="Courier New" w:cs="Courier New"/>
        </w:rPr>
        <w:t>7 i\u232 e\u233 e \u234 e\u238 i\u235 e\u238 i\u237 i\u242 o\u232 e\u242 o\u243 o\u235 e \u199 C\u237 i\u224 a\u234 e \'c7\'ed\'e0\'ea,\'cd\'e8\'e6\'ed\'e8\'e9 \'ea\'ee\'eb\'ee\'ed\'f2\'e8\'f2\u243 o\u235 e \u199 C\u237 i\u224 a\u234 e \'c7\'ed\'e0\'ea}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{\s28\qj \fi284\li0\ri0\widctlpar\wrapdefault\aspalpha\aspnum\faauto\adjustright\rin0\lin0\itap0 \rtlch\fcs1 \af0\afs20\alang1025 \ltrch\fcs0 \fs24\lang1049\langfe1049\cgrid\langnp1049\langfenp1049 \sbasedon0 \snext28 \slink29 \styrsid1494940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Body Text</w:t>
      </w:r>
      <w:r w:rsidRPr="00651F56">
        <w:rPr>
          <w:rFonts w:ascii="Courier New" w:hAnsi="Courier New" w:cs="Courier New"/>
        </w:rPr>
        <w:t xml:space="preserve"> Indent 2;}{\*\cs29 \additive \rtlch\fcs1 \af0\afs20 \ltrch\fcs0 \f0\fs20\lang0\langfe1049\langnp0\langfenp1049 \sbasedon10 \slink28 \slocked \styrsid1494940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e\'f1\'ed\'ee\'e2\'ed\'ee\'e9 \'f2\'e5\'ea\'f1\'f2 \'f1 \'ee\'f2\'f1\'f2\'f3\'ef\'ee\'ec 2 \</w:t>
      </w:r>
      <w:r w:rsidRPr="00651F56">
        <w:rPr>
          <w:rFonts w:ascii="Courier New" w:hAnsi="Courier New" w:cs="Courier New"/>
        </w:rPr>
        <w:t xml:space="preserve">'c7\'ed\'e0\'ea;}{\s30\ql \li0\ri0\widctlpar\wrapdefault\aspalpha\aspnum\faauto\adjustright\rin0\lin0\itap0 \rtlch\fcs1 \af0\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lang1049\langfe1049\cgrid\langnp1049\langfenp1049 \sbasedon0 \snext30 \slink31 \styrsid14949409</w:t>
      </w:r>
      <w:r w:rsidRPr="00651F56">
        <w:rPr>
          <w:rFonts w:ascii="Courier New" w:hAnsi="Courier New" w:cs="Courier New"/>
        </w:rPr>
        <w:t xml:space="preserve"> Body Text 3;}{\*\cs31 \additive \rtlch\fcs1 \af0\afs20 \ltrch\fcs0 \f0\fs20\lang0\langfe1049\langnp0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10 \slink30 \slocked \styrsid14949409 \'ce\'f1\'ed\'ee\'e2\'ed\'ee\'e9 \'f2\'e5\'ea\'f1\'f2 3 \'c7\'ed\'e0\'ea;}{\*\cs32 \additive</w:t>
      </w:r>
      <w:r w:rsidRPr="00651F56">
        <w:rPr>
          <w:rFonts w:ascii="Courier New" w:hAnsi="Courier New" w:cs="Courier New"/>
        </w:rPr>
        <w:t xml:space="preserve"> \rtlch\fcs1 \af0 \ltrch\fcs0 \sbasedon10 \styrsid14949409 page number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33\ql \li720\ri0\widctlpar\wrapdefault\aspalpha\aspnum\faauto\adjustright\rin0\lin720\itap0\contextualspace \rtlch\fcs1 \af0\afs20\alang1025 \ltrch\fcs0 \fs20\lang1049\langfe1049\</w:t>
      </w:r>
      <w:r w:rsidRPr="00651F56">
        <w:rPr>
          <w:rFonts w:ascii="Courier New" w:hAnsi="Courier New" w:cs="Courier New"/>
        </w:rPr>
        <w:t xml:space="preserve">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sbasedon0 \snext33 \sqformat \styrsid8201731 List Paragraph;}{\s34\qj \li0\ri0\sa160\sl-240\slmult0\widctlpar\jclisttab\tx360\wrapdefault\aspalpha\aspnum\faauto\adjustright\rin0\lin0\itap0 \rtlch\fcs1 \af41\afs20\alang1025 </w:t>
      </w:r>
      <w:r w:rsidRPr="00651F56">
        <w:rPr>
          <w:rFonts w:ascii="Courier New" w:hAnsi="Courier New" w:cs="Courier New"/>
        </w:rPr>
        <w:t xml:space="preserve">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41\fs20\lang1033\langfe1033\cgrid\langnp1033\langfenp1033 \sbasedon0 \snext34 \spriority0 \styrsid14949409 \'c7\'ed\'e0\'ea1;}{\s35\ql \li0\ri0\widctlpar\wrapdefault\aspalpha\aspnum\faauto\adjustright\rin0\lin0\itap0 \rtlch\fcs1 \af40\afs16</w:t>
      </w:r>
      <w:r w:rsidRPr="00651F56">
        <w:rPr>
          <w:rFonts w:ascii="Courier New" w:hAnsi="Courier New" w:cs="Courier New"/>
        </w:rPr>
        <w:t xml:space="preserve">\alang102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40\fs16\lang1049\langfe1049\cgrid\langnp1049\langfenp1049 \sbasedon0 \snext35 \slink36 \ssemihidden \styrsid14904161 Balloon Text;}{\*\cs36 \additive \rtlch\fcs1 \af40\afs16 \ltrch\fcs0 \f40\fs16\lang0\langfe1049\langnp0\langfenp</w:t>
      </w:r>
      <w:r w:rsidRPr="00651F56">
        <w:rPr>
          <w:rFonts w:ascii="Courier New" w:hAnsi="Courier New" w:cs="Courier New"/>
        </w:rPr>
        <w:t xml:space="preserve">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10 \slink35 \slocked \ssemihidden \styrsid14904161 \'d2\'e5\'ea\'f1\'f2 \'e2\'fb\'ed\'ee\'f1\'ea\'e8 \'c7\'ed\'e0\'ea;}{\s37\qj \fi-720\li720\ri0\sa160\sl-240\slmult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720\wrapdefault\aspalpha\aspnum\faauto\ls3\adjust</w:t>
      </w:r>
      <w:r w:rsidRPr="00651F56">
        <w:rPr>
          <w:rFonts w:ascii="Courier New" w:hAnsi="Courier New" w:cs="Courier New"/>
        </w:rPr>
        <w:t>right\rin0\lin720\itap0 \rtlch\fcs1 \af41\afs20\alang1025 \ltrch\fcs0 \f41\fs20\lang1033\langfe1033\cgrid\langnp1033\langfenp1033 \sbasedon0 \snext37 \styrsid9839095 \'c7\'ed\'e0\'ea11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38\ql \li283\ri0\sa120\widctlpar\wrapdefault\aspalpha\aspnum\faau</w:t>
      </w:r>
      <w:r w:rsidRPr="00651F56">
        <w:rPr>
          <w:rFonts w:ascii="Courier New" w:hAnsi="Courier New" w:cs="Courier New"/>
        </w:rPr>
        <w:t xml:space="preserve">to\adjustright\rin0\lin283\itap0 \rtlch\fcs1 \af0\afs16\alang1025 \ltrch\fcs0 \fs16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38 \slink39 \ssemihidden \styrsid11037392 Body Text Indent 3;}{\*\cs39 \additive \rtlch\fcs1 \af0\afs16</w:t>
      </w:r>
      <w:r w:rsidRPr="00651F56">
        <w:rPr>
          <w:rFonts w:ascii="Courier New" w:hAnsi="Courier New" w:cs="Courier New"/>
        </w:rPr>
        <w:t xml:space="preserve"> \ltrch\fcs0 \f0\fs16\lang0\langfe1049\langnp0\langfenp1049 \sbasedon10 \slink38 \slocked \ssemihidden \styrsid1103739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e\'f1\'ed\'ee\'e2\'ed\'ee\'e9 \'f2\'e5\'ea\'f1\'f2 \'f1 \'ee\'f2\'f1\'f2\'f3\'ef\'ee\'ec 3 \'c7\'ed\'e0\'ea;}{\*\ts40\tsrowd\trbrdr</w:t>
      </w:r>
      <w:r w:rsidRPr="00651F56">
        <w:rPr>
          <w:rFonts w:ascii="Courier New" w:hAnsi="Courier New" w:cs="Courier New"/>
        </w:rPr>
        <w:t>t\brdrs\brdrw10 \trbrdrl\brdrs\brdrw10 \trbrdrb\brdrs\brdrw10 \trbrdrr\brdrs\brdrw10 \trbrdrh\brdrs\brdrw10 \trbrdrv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rdrs\brdrw10 \trftsWidthB3\trpaddl108\trpaddr108\trpaddfl3\trpaddft3\trpaddfb3\trpaddfr3\tblind0\tblindtype3\tsvertalt\tsbrdrt\tsbrdrl\t</w:t>
      </w:r>
      <w:r w:rsidRPr="00651F56">
        <w:rPr>
          <w:rFonts w:ascii="Courier New" w:hAnsi="Courier New" w:cs="Courier New"/>
        </w:rPr>
        <w:t xml:space="preserve">sbrdrb\tsbrdrr\tsbrdrdgl\tsbrdrdgr\tsbrdrh\tsbrdrv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ql \li0\ri0\widctlpar\wrapdefault\aspalpha\aspnum\faauto\adjustright\rin0\lin0\itap0 \rtlch\fcs1 \af0\afs20\alang1025 \ltrch\fcs0 \f39\fs20\lang1049\langfe1049\cgrid\langnp1049\langfenp1049 \sbasedon11 </w:t>
      </w:r>
      <w:r w:rsidRPr="00651F56">
        <w:rPr>
          <w:rFonts w:ascii="Courier New" w:hAnsi="Courier New" w:cs="Courier New"/>
        </w:rPr>
        <w:t>\snext40 \slocked \styrsid9646988 Table Grid;}{\*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cs41 \additive \fs25\chshdng0\chcfpat0\chcbpat8 \slink42 \slocked \spriority0 \styrsid13195834 \'ce\'f1\'ed\'ee\'e2\'ed\'ee\'e9 \'f2\'e5\'ea\'f1\'f2_;}{\s42\ql \fi-420\li0\ri0\sl-259\slmul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nowidctlpar</w:t>
      </w:r>
      <w:r w:rsidRPr="00651F56">
        <w:rPr>
          <w:rFonts w:ascii="Courier New" w:hAnsi="Courier New" w:cs="Courier New"/>
        </w:rPr>
        <w:t xml:space="preserve">\wrapdefault\aspalpha\aspnum\faauto\adjustright\rin0\lin0\itap0 \cbpat8 \rtlch\fcs1 \af39\afs25\alang1025 \ltrch\fcs0 \f39\fs25\lang1049\langfe1049\cgrid\langnp1049\langfenp1049 \sbasedon0 \snext42 \slink41 \spriority0 \styrsid13195834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e\'f1\'ed\'ee\'</w:t>
      </w:r>
      <w:r w:rsidRPr="00651F56">
        <w:rPr>
          <w:rFonts w:ascii="Courier New" w:hAnsi="Courier New" w:cs="Courier New"/>
        </w:rPr>
        <w:t xml:space="preserve">e2\'ed\'ee\'e9 \'f2\'e5\'ea\'f1\'f21;}{\s43\ql \li0\ri0\nowidctlpar\wrapdefault\aspalpha\aspnum\faauto\adjustright\rin0\lin0\itap0 \rtlch\fcs1 \af0\afs24\alang1025 \ltrch\fcs0 \f1\fs20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next43 \slink58 \</w:t>
      </w:r>
      <w:r w:rsidRPr="00651F56">
        <w:rPr>
          <w:rFonts w:ascii="Courier New" w:hAnsi="Courier New" w:cs="Courier New"/>
        </w:rPr>
        <w:t xml:space="preserve">sqformat \spriority0 \styrsid14290051 \'ce\'e1\'fb\'f7\'ed\'fb\'e93;}{\s44\ql \li0\ri0\widctlpar\wrapdefault\aspalpha\aspnum\faauto\adjustright\rin0\lin0\itap0 \rtlch\fcs1 \af0\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39\fs20\lang1049\langfe1033\cgrid\langnp1049\la</w:t>
      </w:r>
      <w:r w:rsidRPr="00651F56">
        <w:rPr>
          <w:rFonts w:ascii="Courier New" w:hAnsi="Courier New" w:cs="Courier New"/>
        </w:rPr>
        <w:t xml:space="preserve">ngfenp1033 \sbasedon0 \snext44 \slink45 \sunhideused \styrsid14290051 footnote text;}{\*\cs45 \additive \rtlch\fcs1 \af0\afs20 \ltrch\fcs0 \fs20\lang0\langfe1033\dbch\af0\langnp0\langfenp1033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10 \slink44 \slocked \styrsid14290051 \'d2\'e5\'ea\'f</w:t>
      </w:r>
      <w:r w:rsidRPr="00651F56">
        <w:rPr>
          <w:rFonts w:ascii="Courier New" w:hAnsi="Courier New" w:cs="Courier New"/>
        </w:rPr>
        <w:t>1\'f2 \'f1\'ed\'ee\'f1\'ea\'e8 \'c7\'ed\'e0\'ea;}{\*\cs46 \additive \rtlch\fcs1 \af0 \ltrch\fcs0 \super \sbasedon10 \sunhideused \styrsid14290051 footnote reference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47\ql \li283\ri0\sa120\widctlpar\wrapdefault\aspalpha\aspnum\faauto\adjustright\rin0\</w:t>
      </w:r>
      <w:r w:rsidRPr="00651F56">
        <w:rPr>
          <w:rFonts w:ascii="Courier New" w:hAnsi="Courier New" w:cs="Courier New"/>
        </w:rPr>
        <w:t xml:space="preserve">lin283\itap0 \rtlch\fcs1 \af0\afs20\alang1025 \ltrch\fcs0 \fs20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47 \slink48 \ssemihidden \sunhideused \styrsid4735144 Body Text Indent;}{\*\cs48 \additive \rtlch\fcs1 \af0\afs20 \ltrch\fc</w:t>
      </w:r>
      <w:r w:rsidRPr="00651F56">
        <w:rPr>
          <w:rFonts w:ascii="Courier New" w:hAnsi="Courier New" w:cs="Courier New"/>
        </w:rPr>
        <w:t xml:space="preserve">s0 \f0\fs20 \sbasedon10 \slink47 \slocked \ssemihidden \styrsid4735144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e\'f1\'ed\'ee\'e2\'ed\'ee\'e9 \'f2\'e5\'ea\'f1\'f2 \'f1 \'ee\'f2\'f1\'f2\'f3\'ef\'ee\'ec \'c7\'ed\'e0\'ea;}{\s49\ql \li720\ri0\widctlpar\wrapdefault\aspalpha\aspnum\faauto\adjustri</w:t>
      </w:r>
      <w:r w:rsidRPr="00651F56">
        <w:rPr>
          <w:rFonts w:ascii="Courier New" w:hAnsi="Courier New" w:cs="Courier New"/>
        </w:rPr>
        <w:t xml:space="preserve">ght\rin0\lin720\itap0\contextualspace \rtlch\fcs1 \af0\afs20\alang102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0\lang1049\langfe1049\cgrid\langnp1049\langfenp1049 \sbasedon0 \snext49 \spriority0 \styrsid4735144 \'c0\'e1\'e7\'e0\'f6 \'f1\'ef\'e8\'f1\'ea\'e01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50\ql \li720\r</w:t>
      </w:r>
      <w:r w:rsidRPr="00651F56">
        <w:rPr>
          <w:rFonts w:ascii="Courier New" w:hAnsi="Courier New" w:cs="Courier New"/>
        </w:rPr>
        <w:t xml:space="preserve">i0\widctlpar\wrapdefault\aspalpha\aspnum\faauto\adjustright\rin0\lin720\itap0\contextualspace \rtlch\fcs1 \af0\afs20\alang1025 \ltrch\fcs0 \fs20\lang1049\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basedon0 \snext50 \spriority0 \styrsid4735144 \'c0\'e1\'e</w:t>
      </w:r>
      <w:r w:rsidRPr="00651F56">
        <w:rPr>
          <w:rFonts w:ascii="Courier New" w:hAnsi="Courier New" w:cs="Courier New"/>
        </w:rPr>
        <w:t xml:space="preserve">7\'e0\'f6 \'f1\'ef\'e8\'f1\'ea\'e05;}{\s51\qj \li0\ri0\sb20\sa20\widctlpar\wrapdefault\aspalpha\aspnum\faauto\adjustright\rin0\lin0\itap0 \rtlch\fcs1 \af0\afs24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1\fs20\lang1033\langfe1049\cgrid\langnp1033\langfenp1049 \sbasedon0 \</w:t>
      </w:r>
      <w:r w:rsidRPr="00651F56">
        <w:rPr>
          <w:rFonts w:ascii="Courier New" w:hAnsi="Courier New" w:cs="Courier New"/>
        </w:rPr>
        <w:t xml:space="preserve">snext51 \slink52 \styrsid7802865 \'c2\'d2\'c1_\'c4\'ee\'eb\'e6\'ed\'ee\'f1\'f2\'fc;}{\*\cs52 \additive \f1\fs24\lang1033\langfe0\langnp1033\langfenp0 \slink51 \slocked \styrsid780286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2\'d2\'c1_\'c4\'ee\'eb\'e6\'ed\'ee\'f1\'f2\'fc \'c7\'ed\'e0\'ea;}{\</w:t>
      </w:r>
      <w:r w:rsidRPr="00651F56">
        <w:rPr>
          <w:rFonts w:ascii="Courier New" w:hAnsi="Courier New" w:cs="Courier New"/>
        </w:rPr>
        <w:t xml:space="preserve">*\cs53 \additive \rtlch\fcs1 \af0 \ltrch\fcs0 \ul\cf2 \sbasedon10 \styrsid14644816 Hyperlink;}{\s54\ql \li0\ri0\widctlpar\wrapdefault\faauto\rin0\lin0\itap0 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1\afs24\alang1025 \ltrch\fcs0 \f1\fs24\cf1\lang1049\langfe1049\cgrid\langnp1049\la</w:t>
      </w:r>
      <w:r w:rsidRPr="00651F56">
        <w:rPr>
          <w:rFonts w:ascii="Courier New" w:hAnsi="Courier New" w:cs="Courier New"/>
        </w:rPr>
        <w:t>ngfenp1049 \snext54 \styrsid8201731 Default;}{\*\cs55 \additive \f1\fs20 \styrsid2646131 Font Style14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56\ql \li0\ri0\widctlpar\wrapdefault\aspalpha\aspnum\faauto\adjustright\rin0\lin0\itap0 \rtlch\fcs1 \af0\afs20\alang1025 \ltrch\fcs0 \fs20\lang1049\</w:t>
      </w:r>
      <w:r w:rsidRPr="00651F56">
        <w:rPr>
          <w:rFonts w:ascii="Courier New" w:hAnsi="Courier New" w:cs="Courier New"/>
        </w:rPr>
        <w:t xml:space="preserve">langfe104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sbasedon0 \snext56 \slink57 \sunhideused \spriority0 \styrsid8944490 annotation text;}{\*\cs57 \additive \rtlch\fcs1 \af0\afs20 \ltrch\fcs0 \f0\fs20 \sbasedon10 \slink56 \slocked \spriority0 \styrsid894449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d</w:t>
      </w:r>
      <w:r w:rsidRPr="00651F56">
        <w:rPr>
          <w:rFonts w:ascii="Courier New" w:hAnsi="Courier New" w:cs="Courier New"/>
        </w:rPr>
        <w:t>2\'e5\'ea\'f1\'f2 \'ef\'f0\'e8\'ec\'e5\'f7\'e0\'ed\'e8\'ff \'c7\'ed\'e0\'ea;}{\*\cs58 \additive \f1\fs24 \slink43 \slocked \spriority0 \styrsid15425952 \'ce\'e1\'fb\'f7\'ed\'fb\'e93 \'c7\'ed\'e0\'ea;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59\ql \li0\ri0\widctlpar\wrapdefault\aspalpha\aspnu</w:t>
      </w:r>
      <w:r w:rsidRPr="00651F56">
        <w:rPr>
          <w:rFonts w:ascii="Courier New" w:hAnsi="Courier New" w:cs="Courier New"/>
        </w:rPr>
        <w:t xml:space="preserve">m\faauto\adjustright\rin0\lin0\itap0 \rtlch\fcs1 \af0\afs20\alang1025 \ltrch\fcs0 \fs20\lang1049\langfe1049\loch\f39\hich\af39\dbch\af39\cgrid\langnp1049\langfenp10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next59 \slink61 \sqformat \spriority0 \styrsid8990346 Normal_0;}{\s60\ql \li0\ri0\now</w:t>
      </w:r>
      <w:r w:rsidRPr="00651F56">
        <w:rPr>
          <w:rFonts w:ascii="Courier New" w:hAnsi="Courier New" w:cs="Courier New"/>
        </w:rPr>
        <w:t xml:space="preserve">idctlpar\wrapdefault\aspalpha\aspnum\faauto\adjustright\rin0\lin0\itap0 \rtlch\fcs1 \af0\afs24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1\fs20\lang1049\langfe1049\cgrid\langnp1049\langfenp1049 \snext60 \sqformat \spriority0 \styrsid8990346 \'ce\'e1\'fb\'f7\'ed\'fb\'e96;}</w:t>
      </w:r>
      <w:r w:rsidRPr="00651F56">
        <w:rPr>
          <w:rFonts w:ascii="Courier New" w:hAnsi="Courier New" w:cs="Courier New"/>
        </w:rPr>
        <w:t>{\*\cs61 \additive \fs20\dbch\af39 \slink59 \slocked \spriority0 \styrsid8990346 Normal \'c7\'ed\'e0\'ea;}}}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*\listtable{\list\listtemplateid65460274\listhybrid{\listlevel\levelnfc23\levelnfcn23\leveljc0\leveljcn0\levelfollow0\levelstartat0\levelspace0</w:t>
      </w:r>
      <w:r w:rsidRPr="00651F56">
        <w:rPr>
          <w:rFonts w:ascii="Courier New" w:hAnsi="Courier New" w:cs="Courier New"/>
        </w:rPr>
        <w:t>\levelindent0{\leveltext\'01-;}{\levelnumbers;}\loch\af0\hich\af0\dbch\af0\fbias0 \fi-360\li72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720\lin720 }{\listlevel\levelnfc0\levelnfcn0\leveljc0\leveljcn0\levelfollow0\levelstartat8\levelspace0\levelindent0{\leveltext\'01\'01;}{\levelnum</w:t>
      </w:r>
      <w:r w:rsidRPr="00651F56">
        <w:rPr>
          <w:rFonts w:ascii="Courier New" w:hAnsi="Courier New" w:cs="Courier New"/>
        </w:rPr>
        <w:t>bers\'01;}\rtlch\fcs1 \af0 \ltrch\fcs0 \fbias0 \fi-360\li1440\jclisttab\tx1440\lin1440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\levelnfcn2\leveljc2\leveljcn2\levelfollow0\levelstartat1\lvltentative\levelspace0\levelindent0{\leveltext\'02\'02.;}{\levelnumbers\'01;}\rtlch\f</w:t>
      </w:r>
      <w:r w:rsidRPr="00651F56">
        <w:rPr>
          <w:rFonts w:ascii="Courier New" w:hAnsi="Courier New" w:cs="Courier New"/>
        </w:rPr>
        <w:t>cs1 \af0 \ltrch\fcs0 \fi-180\li2160\jclisttab\tx2160\lin2160 }{\listlevel\levelnf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n0\leveljc0\leveljcn0\levelfollow0\levelstartat1\lvltentative\levelspace0\levelindent0{\leveltext\'02\'03.;}{\levelnumbers\'01;}\rtlch\fcs1 \af0 \ltrch\fcs0 \fi-3</w:t>
      </w:r>
      <w:r w:rsidRPr="00651F56">
        <w:rPr>
          <w:rFonts w:ascii="Courier New" w:hAnsi="Courier New" w:cs="Courier New"/>
        </w:rPr>
        <w:t>60\li2880\jclisttab\tx2880\lin2880 }{\listlevel\levelnfc4\levelnfcn4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\leveltext\'02\'04.;}{\levelnumbers\'01;}\rtlch\fcs1 \af0 \ltrch\fcs0 \fi-360\li3600\jclisttab\tx3600</w:t>
      </w:r>
      <w:r w:rsidRPr="00651F56">
        <w:rPr>
          <w:rFonts w:ascii="Courier New" w:hAnsi="Courier New" w:cs="Courier New"/>
        </w:rPr>
        <w:t>\lin3600 }{\listlevel\levelnfc2\levelnfcn2\leveljc2\leveljcn2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'02\'05.;}{\levelnumbers\'01;}\rtlch\fcs1 \af0 \ltrch\fcs0 \fi-180\li4320\jclisttab\tx4320\lin4320 }{\listlevel\leve</w:t>
      </w:r>
      <w:r w:rsidRPr="00651F56">
        <w:rPr>
          <w:rFonts w:ascii="Courier New" w:hAnsi="Courier New" w:cs="Courier New"/>
        </w:rPr>
        <w:t>lnfc0\levelnfcn0\leveljc0\leveljcn0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'02\'06.;}{\levelnumbers\'01;}\rtlch\fcs1 \af0 \ltrch\fcs0 \fi-360\li5040\jclisttab\tx5040\lin5040 }{\listlevel\levelnfc4\levelnfcn4\leveljc0\</w:t>
      </w:r>
      <w:r w:rsidRPr="00651F56">
        <w:rPr>
          <w:rFonts w:ascii="Courier New" w:hAnsi="Courier New" w:cs="Courier New"/>
        </w:rPr>
        <w:t>leveljcn0\levelfollow0\levelstartat1\lvltentative\levelspa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'02\'07.;}{\levelnumbers\'01;}\rtlch\fcs1 \af0 \ltrch\fcs0 \fi-360\li5760\jclisttab\tx5760\lin5760 }{\listlevel\levelnfc2\levelnfcn2\leveljc2\leveljcn2\levelfollow0\lev</w:t>
      </w:r>
      <w:r w:rsidRPr="00651F56">
        <w:rPr>
          <w:rFonts w:ascii="Courier New" w:hAnsi="Courier New" w:cs="Courier New"/>
        </w:rPr>
        <w:t>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8.;}{\levelnumbers\'01;}\rtlch\fcs1 \af0 \ltrch\fcs0 \fi-180\li6480\jclisttab\tx6480\lin6480 }{\listname ;}\listid10}{\list\listtemplateid65460274\listhybrid{\listlevel\levelnfc23\levelnfc</w:t>
      </w:r>
      <w:r w:rsidRPr="00651F56">
        <w:rPr>
          <w:rFonts w:ascii="Courier New" w:hAnsi="Courier New" w:cs="Courier New"/>
        </w:rPr>
        <w:t>n23\leveljc0\leveljcn0\levelfollow0\levelstarta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'01-;}{\levelnumbers;}\loch\af0\hich\af0\dbch\af0\fbias0 \fi-360\li720\jclisttab\tx720\lin720 }{\listlevel\levelnfc0\levelnfcn0\leveljc0\leveljcn0\levelfollow0\levelsta</w:t>
      </w:r>
      <w:r w:rsidRPr="00651F56">
        <w:rPr>
          <w:rFonts w:ascii="Courier New" w:hAnsi="Courier New" w:cs="Courier New"/>
        </w:rPr>
        <w:t>rtat8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\'01;}{\levelnumbers\'01;}\rtlch\fcs1 \af0 \ltrch\fcs0 \fbias0 \fi-360\li1440\jclisttab\tx1440\lin1440 }{\listlevel\levelnfc2\levelnfcn2\leveljc2\leveljcn2\levelfollow0\levelstartat1\lvltentative\levelspace0\l</w:t>
      </w:r>
      <w:r w:rsidRPr="00651F56">
        <w:rPr>
          <w:rFonts w:ascii="Courier New" w:hAnsi="Courier New" w:cs="Courier New"/>
        </w:rPr>
        <w:t>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2.;}{\levelnumbers\'01;}\rtlch\fcs1 \af0 \ltrch\fcs0 \fi-180\li2160\jclisttab\tx2160\lin2160 }{\listlevel\levelnfc0\levelnfcn0\leveljc0\leveljcn0\levelfollow0\levelstartat1\lvltentative\levelspace0\levelindent0{\leveltext\'02</w:t>
      </w:r>
      <w:r w:rsidRPr="00651F56">
        <w:rPr>
          <w:rFonts w:ascii="Courier New" w:hAnsi="Courier New" w:cs="Courier New"/>
        </w:rPr>
        <w:t>\'03.;}{\levelnumbers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;}\rtlch\fcs1 \af0 \ltrch\fcs0 \fi-360\li2880\jclisttab\tx2880\lin2880 }{\listlevel\levelnfc4\levelnfcn4\leveljc0\leveljcn0\levelfollow0\levelstartat1\lvltentative\levelspace0\levelindent0{\leveltext\'02\'04.;}{\levelnumbers\'01;</w:t>
      </w:r>
      <w:r w:rsidRPr="00651F56">
        <w:rPr>
          <w:rFonts w:ascii="Courier New" w:hAnsi="Courier New" w:cs="Courier New"/>
        </w:rPr>
        <w:t xml:space="preserve">}\rtlch\fcs1 \a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i-360\li3600\jclisttab\tx3600\lin3600 }{\listlevel\levelnfc2\levelnfcn2\leveljc2\leveljcn2\levelfollow0\levelstartat1\lvltentative\levelspace0\levelindent0{\leveltext\'02\'05.;}{\levelnumbers\'01;}\rtlch\fcs1 \af0 \ltrch\f</w:t>
      </w:r>
      <w:r w:rsidRPr="00651F56">
        <w:rPr>
          <w:rFonts w:ascii="Courier New" w:hAnsi="Courier New" w:cs="Courier New"/>
        </w:rPr>
        <w:t>cs0 \fi-180\li432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4320\lin4320 }{\listlevel\levelnfc0\levelnfcn0\leveljc0\leveljcn0\levelfollow0\levelstartat1\lvltentative\levelspace0\levelindent0{\leveltext\'02\'06.;}{\levelnumbers\'01;}\rtlch\fcs1 \af0 \ltrch\fcs0 \fi-360\li5040\jclistt</w:t>
      </w:r>
      <w:r w:rsidRPr="00651F56">
        <w:rPr>
          <w:rFonts w:ascii="Courier New" w:hAnsi="Courier New" w:cs="Courier New"/>
        </w:rPr>
        <w:t>ab\tx5040\lin5040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4\levelnfcn4\leveljc0\leveljcn0\levelfollow0\levelstartat1\lvltentative\levelspace0\levelindent0{\leveltext\'02\'07.;}{\levelnumbers\'01;}\rtlch\fcs1 \af0 \ltrch\fcs0 \fi-360\li5760\jclisttab\tx5760\lin5760 }{\listl</w:t>
      </w:r>
      <w:r w:rsidRPr="00651F56">
        <w:rPr>
          <w:rFonts w:ascii="Courier New" w:hAnsi="Courier New" w:cs="Courier New"/>
        </w:rPr>
        <w:t>evel\levelnfc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n2\leveljc2\leveljcn2\levelfollow0\levelstartat1\lvltentative\levelspace0\levelindent0{\leveltext\'02\'08.;}{\levelnumbers\'01;}\rtlch\fcs1 \af0 \ltrch\fcs0 \fi-180\li6480\jclisttab\tx6480\lin6480 }{\listname ;}\listid17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\l</w:t>
      </w:r>
      <w:r w:rsidRPr="00651F56">
        <w:rPr>
          <w:rFonts w:ascii="Courier New" w:hAnsi="Courier New" w:cs="Courier New"/>
        </w:rPr>
        <w:t>isttemplateid-255270454\listhybrid{\listlevel\levelnfc23\levelnfcn23\leveljc0\leveljcn0\levelfollow0\levelstartat1\levelspace0\levelindent0{\leveltext\'01{\uc1\u-3913 ?};}{\levelnumbers;}\f3\fbias0 \fi-360\li677\jclisttab\tx677\lin677 }{\listlevel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</w:t>
      </w:r>
      <w:r w:rsidRPr="00651F56">
        <w:rPr>
          <w:rFonts w:ascii="Courier New" w:hAnsi="Courier New" w:cs="Courier New"/>
        </w:rPr>
        <w:t>fc0\levelnfcn0\leveljc0\leveljcn0\levelfollow0\levelstartat8\levelspace0\levelindent0{\leveltext\'01\'01;}{\levelnumbers\'01;}\rtlch\fcs1 \af0 \ltrch\fcs0 \fbias0 \fi-360\li1397\jclisttab\tx1397\lin1397 }{\listlevel\levelnfc2\levelnfcn2\leveljc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</w:t>
      </w:r>
      <w:r w:rsidRPr="00651F56">
        <w:rPr>
          <w:rFonts w:ascii="Courier New" w:hAnsi="Courier New" w:cs="Courier New"/>
        </w:rPr>
        <w:t>2\levelfollow0\levelstartat1\lvltentative\levelspace0\levelindent0{\leveltext\'02\'02.;}{\levelnumbers\'01;}\rtlch\fcs1 \af0 \ltrch\fcs0 \fi-180\li2117\jclisttab\tx2117\lin2117 }{\listlevel\levelnfc0\levelnfc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</w:t>
      </w:r>
      <w:r w:rsidRPr="00651F56">
        <w:rPr>
          <w:rFonts w:ascii="Courier New" w:hAnsi="Courier New" w:cs="Courier New"/>
        </w:rPr>
        <w:t>t1\lvltentative\levelspace0\levelindent0{\leveltext\'02\'03.;}{\levelnumbers\'01;}\rtlch\fcs1 \af0 \ltrch\fcs0 \fi-360\li2837\jclisttab\tx2837\lin2837 }{\listlevel\levelnfc4\levelnfcn4\leveljc0\leveljcn0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</w:t>
      </w:r>
      <w:r w:rsidRPr="00651F56">
        <w:rPr>
          <w:rFonts w:ascii="Courier New" w:hAnsi="Courier New" w:cs="Courier New"/>
        </w:rPr>
        <w:t>0\levelindent0{\leveltext\'02\'04.;}{\levelnumbers\'01;}\rtlch\fcs1 \af0 \ltrch\fcs0 \fi-360\li3557\jclisttab\tx3557\lin3557 }{\listlevel\levelnfc2\levelnfcn2\leveljc2\leveljcn2\levelfollow0\levelstartat1\lvltentative\levelspa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</w:t>
      </w:r>
      <w:r w:rsidRPr="00651F56">
        <w:rPr>
          <w:rFonts w:ascii="Courier New" w:hAnsi="Courier New" w:cs="Courier New"/>
        </w:rPr>
        <w:t>'02\'05.;}{\levelnumbers\'01;}\rtlch\fcs1 \af0 \ltrch\fcs0 \fi-180\li4277\jclisttab\tx4277\lin4277 }{\listlevel\levelnfc0\levelnfcn0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6.;}{\levelnumbers\'</w:t>
      </w:r>
      <w:r w:rsidRPr="00651F56">
        <w:rPr>
          <w:rFonts w:ascii="Courier New" w:hAnsi="Courier New" w:cs="Courier New"/>
        </w:rPr>
        <w:t>01;}\rtlch\fcs1 \af0 \ltrch\fcs0 \fi-360\li4997\jclisttab\tx4997\lin4997 }{\listlevel\levelnfc4\levelnfcn4\leveljc0\leveljcn0\levelfollow0\levelstartat1\lvltentative\levelspace0\levelindent0{\leveltext\'02\'07.;}{\levelnumbers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;}\rtlch\fcs1 \af0 \ltrc</w:t>
      </w:r>
      <w:r w:rsidRPr="00651F56">
        <w:rPr>
          <w:rFonts w:ascii="Courier New" w:hAnsi="Courier New" w:cs="Courier New"/>
        </w:rPr>
        <w:t xml:space="preserve">h\fcs0 \fi-360\li5717\jclisttab\tx5717\lin5717 }{\listlevel\levelnfc2\levelnfcn2\leveljc2\leveljcn2\levelfollow0\levelstartat1\lvltentative\levelspace0\levelindent0{\leveltext\'02\'08.;}{\levelnumbers\'01;}\rtlch\fcs1 \a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i-180\li6437\jcli</w:t>
      </w:r>
      <w:r w:rsidRPr="00651F56">
        <w:rPr>
          <w:rFonts w:ascii="Courier New" w:hAnsi="Courier New" w:cs="Courier New"/>
        </w:rPr>
        <w:t>sttab\tx6437\lin6437 }{\listname ;}\listid21}{\list\listtemplateid-221204236\listhybrid{\listlevel\levelnfc0\levelnfcn0\leveljc0\leveljcn0\levelfollow0\levelstartat1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0.;}{\levelnumbers\'01;}\rtlch\fcs1 \af0 \ltrc</w:t>
      </w:r>
      <w:r w:rsidRPr="00651F56">
        <w:rPr>
          <w:rFonts w:ascii="Courier New" w:hAnsi="Courier New" w:cs="Courier New"/>
        </w:rPr>
        <w:t>h\fcs0 \fbias0 \fi-360\li360\jclisttab\tx360\lin360 }{\listlevel\levelnfc0\levelnfcn0\leveljc0\leveljcn0\levelfollow0\levelstartat8\levelspace0\levelindent0{\leveltext\'01\'01;}{\levelnumbers\'01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 \ltrch\fcs0 \fbias0 \fi-360\li1080\jclis</w:t>
      </w:r>
      <w:r w:rsidRPr="00651F56">
        <w:rPr>
          <w:rFonts w:ascii="Courier New" w:hAnsi="Courier New" w:cs="Courier New"/>
        </w:rPr>
        <w:t xml:space="preserve">ttab\tx1080\lin1080 }{\listlevel\levelnfc2\levelnfcn2\leveljc2\leveljcn2\levelfollow0\levelstartat1\lvltentative\levelspace0\levelindent0{\leveltext\'02\'02.;}{\levelnumbers\'01;}\rtlch\fcs1 \a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i-180\li1800\jclisttab\tx1800\lin1800 }{\lis</w:t>
      </w:r>
      <w:r w:rsidRPr="00651F56">
        <w:rPr>
          <w:rFonts w:ascii="Courier New" w:hAnsi="Courier New" w:cs="Courier New"/>
        </w:rPr>
        <w:t>tlevel\levelnfc0\levelnfcn0\leveljc0\leveljcn0\levelfollow0\levelstartat1\lvltentative\levelspace0\levelindent0{\leveltext\'02\'03.;}{\levelnumbers\'01;}\rtlch\fcs1 \af0 \ltrch\fcs0 \fi-360\li252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2520\lin2520 }{\listlevel\levelnfc4\levelnfcn</w:t>
      </w:r>
      <w:r w:rsidRPr="00651F56">
        <w:rPr>
          <w:rFonts w:ascii="Courier New" w:hAnsi="Courier New" w:cs="Courier New"/>
        </w:rPr>
        <w:t>4\leveljc0\leveljcn0\levelfollow0\levelstartat1\lvltentative\levelspace0\levelindent0{\leveltext\'02\'04.;}{\levelnumbers\'01;}\rtlch\fcs1 \af0 \ltrch\fcs0 \fi-360\li3240\jclisttab\tx3240\lin3240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\levelnfcn2\leveljc2\leveljcn2\level</w:t>
      </w:r>
      <w:r w:rsidRPr="00651F56">
        <w:rPr>
          <w:rFonts w:ascii="Courier New" w:hAnsi="Courier New" w:cs="Courier New"/>
        </w:rPr>
        <w:t>follow0\levelstartat1\lvltentative\levelspace0\levelindent0{\leveltext\'02\'05.;}{\levelnumbers\'01;}\rtlch\fcs1 \af0 \ltrch\fcs0 \fi-180\li3960\jclisttab\tx3960\lin3960 }{\listlevel\levelnf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n0\leveljc0\leveljcn0\levelfollow0\levelstartat1\lvlt</w:t>
      </w:r>
      <w:r w:rsidRPr="00651F56">
        <w:rPr>
          <w:rFonts w:ascii="Courier New" w:hAnsi="Courier New" w:cs="Courier New"/>
        </w:rPr>
        <w:t>entative\levelspace0\levelindent0{\leveltext\'02\'06.;}{\levelnumbers\'01;}\rtlch\fcs1 \af0 \ltrch\fcs0 \fi-360\li4680\jclisttab\tx4680\lin4680 }{\listlevel\levelnfc4\levelnfcn4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</w:t>
      </w:r>
      <w:r w:rsidRPr="00651F56">
        <w:rPr>
          <w:rFonts w:ascii="Courier New" w:hAnsi="Courier New" w:cs="Courier New"/>
        </w:rPr>
        <w:t>indent0{\leveltext\'02\'07.;}{\levelnumbers\'01;}\rtlch\fcs1 \af0 \ltrch\fcs0 \fi-360\li5400\jclisttab\tx5400\lin5400 }{\listlevel\levelnfc2\levelnfcn2\leveljc2\leveljcn2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'02\'08</w:t>
      </w:r>
      <w:r w:rsidRPr="00651F56">
        <w:rPr>
          <w:rFonts w:ascii="Courier New" w:hAnsi="Courier New" w:cs="Courier New"/>
        </w:rPr>
        <w:t>.;}{\levelnumbers\'01;}\rtlch\fcs1 \af0 \ltrch\fcs0 \fi-180\li6120\jclisttab\tx6120\lin6120 }{\listname ;}\listid22}{\list\listtemplateid1298332442\listhybrid{\listlevel\levelnfc2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n23\leveljc0\leveljcn0\levelfollow0\levelstartat1\levelspace0\lev</w:t>
      </w:r>
      <w:r w:rsidRPr="00651F56">
        <w:rPr>
          <w:rFonts w:ascii="Courier New" w:hAnsi="Courier New" w:cs="Courier New"/>
        </w:rPr>
        <w:t>elindent0{\leveltext\leveltemplateid68747265\'01{\uc1\u-3913 ?};}{\levelnumbers;}\f3\fbias0 \fi-360\li720\lin720 }{\listlevel\levelnfc23\levelnfcn23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</w:t>
      </w:r>
      <w:r w:rsidRPr="00651F56">
        <w:rPr>
          <w:rFonts w:ascii="Courier New" w:hAnsi="Courier New" w:cs="Courier New"/>
        </w:rPr>
        <w:t>ateid68747267\'01o;}{\levelnumbers;}\f2\fbias0 \fi-360\li1440\lin1440 }{\listlevel\levelnfc23\levelnfcn23\leveljc0\leveljcn0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69\'01{\uc1\u-3929 ?};}{\levelnu</w:t>
      </w:r>
      <w:r w:rsidRPr="00651F56">
        <w:rPr>
          <w:rFonts w:ascii="Courier New" w:hAnsi="Courier New" w:cs="Courier New"/>
        </w:rPr>
        <w:t>mbers;}\f10\fbias0 \fi-360\li2160\lin2160 }{\listlevel\levelnfc23\levelnfcn23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5\'01{\uc1\u-3913 ?};}{\levelnumbers;}\f3\fbias0 \fi-360\li</w:t>
      </w:r>
      <w:r w:rsidRPr="00651F56">
        <w:rPr>
          <w:rFonts w:ascii="Courier New" w:hAnsi="Courier New" w:cs="Courier New"/>
        </w:rPr>
        <w:t>2880\lin2880 }{\listlevel\levelnfc23\levelnfcn23\leveljc0\leveljcn0\levelfollow0\levelstartat1\lvltentative\levelspace0\levelindent0{\leveltext\leveltemplateid6874726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o;}{\levelnumbers;}\f2\fbias0 \fi-360\li3600\lin3600 }{\listlevel\levelnfc23\leveln</w:t>
      </w:r>
      <w:r w:rsidRPr="00651F56">
        <w:rPr>
          <w:rFonts w:ascii="Courier New" w:hAnsi="Courier New" w:cs="Courier New"/>
        </w:rPr>
        <w:t>fcn23\leveljc0\leveljcn0\levelfollow0\levelstartat1\lvltentative\levelspace0\levelindent0{\leveltext\leveltemplateid68747269\'01{\uc1\u-3929 ?}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10\fbias0 \fi-360\li4320\lin4320 }{\listlevel\levelnfc23\levelnfcn23\leveljc0\leveljcn0\lev</w:t>
      </w:r>
      <w:r w:rsidRPr="00651F56">
        <w:rPr>
          <w:rFonts w:ascii="Courier New" w:hAnsi="Courier New" w:cs="Courier New"/>
        </w:rPr>
        <w:t xml:space="preserve">elfollow0\levelstartat1\lvltentative\levelspace0\levelindent0{\leveltext\leveltemplateid68747265\'01{\uc1\u-3913 ?};}{\levelnumbers;}\f3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5040\lin5040 }{\listlevel\levelnfc23\levelnfcn23\leveljc0\leveljcn0\levelfollow0\levelstartat1\lvlte</w:t>
      </w:r>
      <w:r w:rsidRPr="00651F56">
        <w:rPr>
          <w:rFonts w:ascii="Courier New" w:hAnsi="Courier New" w:cs="Courier New"/>
        </w:rPr>
        <w:t>ntative\levelspace0\levelindent0{\leveltext\leveltemplateid68747267\'01o;}{\levelnumbers;}\f2\fbias0 \fi-360\li5760\lin5760 }{\listlevel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23\levelnfcn23\leveljc0\leveljcn0\levelfollow0\levelstartat1\lvltentative\levelspace0\levelindent0{\leveltext</w:t>
      </w:r>
      <w:r w:rsidRPr="00651F56">
        <w:rPr>
          <w:rFonts w:ascii="Courier New" w:hAnsi="Courier New" w:cs="Courier New"/>
        </w:rPr>
        <w:t>\leveltemplateid68747269\'01{\uc1\u-3929 ?};}{\levelnumbers;}\f10\fbias0 \fi-360\li6480\lin6480 }{\listname ;}\listid12002800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\listtemplateid-1801829360\listhybrid{\listlevel\levelnfc23\levelnfcn23\leveljc0\leveljcn0\levelfollow0\levelstartat1\leve</w:t>
      </w:r>
      <w:r w:rsidRPr="00651F56">
        <w:rPr>
          <w:rFonts w:ascii="Courier New" w:hAnsi="Courier New" w:cs="Courier New"/>
        </w:rPr>
        <w:t>lspace0\levelindent0{\leveltext\leveltemplateid68747277\'01{\uc1\u-3844 ?};}{\levelnumbers;}\f10\fbias0 \fi-360\li720\lin720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lnfcn23\leveljc0\leveljcn0\levelfollow0\levelstartat1\lvltentative\levelspace0\levelindent0{\leveltex</w:t>
      </w:r>
      <w:r w:rsidRPr="00651F56">
        <w:rPr>
          <w:rFonts w:ascii="Courier New" w:hAnsi="Courier New" w:cs="Courier New"/>
        </w:rPr>
        <w:t>t\leveltemplateid68747267\'01o;}{\levelnumbers;}\f2\fbias0 \fi-360\li1440\lin1440 }{\listlevel\levelnfc23\levelnfcn23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\leveltext\leveltemplateid68747269\'01{\uc1\u-3929 ?</w:t>
      </w:r>
      <w:r w:rsidRPr="00651F56">
        <w:rPr>
          <w:rFonts w:ascii="Courier New" w:hAnsi="Courier New" w:cs="Courier New"/>
        </w:rPr>
        <w:t>};}{\levelnumbers;}\f10\fbias0 \fi-360\li2160\lin2160 }{\listlevel\levelnfc23\levelnfcn23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47265\'01{\uc1\u-3913 ?};}{\levelnumbers;}\f3\fbias</w:t>
      </w:r>
      <w:r w:rsidRPr="00651F56">
        <w:rPr>
          <w:rFonts w:ascii="Courier New" w:hAnsi="Courier New" w:cs="Courier New"/>
        </w:rPr>
        <w:t>0 \fi-360\li2880\lin2880 }{\listlevel\levelnfc23\levelnfcn23\leveljc0\leveljcn0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68747267\'01o;}{\levelnumbers;}\f2\fbias0 \fi-360\li3600\lin3600 }{\listlevel\level</w:t>
      </w:r>
      <w:r w:rsidRPr="00651F56">
        <w:rPr>
          <w:rFonts w:ascii="Courier New" w:hAnsi="Courier New" w:cs="Courier New"/>
        </w:rPr>
        <w:t>nfc23\levelnfcn23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9\'01{\uc1\u-3929 ?};}{\levelnumbers;}\f10\fbias0 \fi-360\li4320\lin4320 }{\listlevel\levelnfc23\levelnfcn23\leveljc0\l</w:t>
      </w:r>
      <w:r w:rsidRPr="00651F56">
        <w:rPr>
          <w:rFonts w:ascii="Courier New" w:hAnsi="Courier New" w:cs="Courier New"/>
        </w:rPr>
        <w:t>eveljcn0\levelfollow0\levelstartat1\lvltentative\levelspace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13 ?};}{\levelnumbers;}\f3\fbias0 \fi-360\li5040\lin5040 }{\listlevel\levelnfc23\levelnfcn23\leveljc0\leveljcn0\levelfollow0\levelst</w:t>
      </w:r>
      <w:r w:rsidRPr="00651F56">
        <w:rPr>
          <w:rFonts w:ascii="Courier New" w:hAnsi="Courier New" w:cs="Courier New"/>
        </w:rPr>
        <w:t>artat1\lvltentative\levelspace0\levelindent0{\leveltext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0 \fi-360\li5760\lin5760 }{\listlevel\levelnfc23\levelnfcn23\leveljc0\leveljcn0\levelfollow0\levelstartat1\lvltentative\levelspace0\levelindent</w:t>
      </w:r>
      <w:r w:rsidRPr="00651F56">
        <w:rPr>
          <w:rFonts w:ascii="Courier New" w:hAnsi="Courier New" w:cs="Courier New"/>
        </w:rPr>
        <w:t xml:space="preserve">0{\leveltext\leveltemplateid68747269\'01{\uc1\u-3929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6480\lin6480 }{\listname ;}\listid27608690}{\list\listtemplateid-504879376\listhybrid{\listlevel\levelnfc23\levelnfcn23\leveljc0\leveljcn0\levelfollow0\levelst</w:t>
      </w:r>
      <w:r w:rsidRPr="00651F56">
        <w:rPr>
          <w:rFonts w:ascii="Courier New" w:hAnsi="Courier New" w:cs="Courier New"/>
        </w:rPr>
        <w:t>artat1\levelspace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13 ?};}{\levelnumbers;}\f3\fbias0 \fi-360\li1287\lin1287 }{\listlevel\levelnfc23\levelnfcn23\leveljc0\leveljcn0\levelfollow0\levelstartat1\lvltentative\levelspace0\levelinden</w:t>
      </w:r>
      <w:r w:rsidRPr="00651F56">
        <w:rPr>
          <w:rFonts w:ascii="Courier New" w:hAnsi="Courier New" w:cs="Courier New"/>
        </w:rPr>
        <w:t>t0{\leveltext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0 \fi-360\li2007\lin2007 }{\listlevel\levelnfc23\levelnfcn23\leveljc0\leveljcn0\levelfollow0\levelstartat1\lvltentative\levelspace0\levelindent0{\leveltext\leveltemplateid68747269\'01{\</w:t>
      </w:r>
      <w:r w:rsidRPr="00651F56">
        <w:rPr>
          <w:rFonts w:ascii="Courier New" w:hAnsi="Courier New" w:cs="Courier New"/>
        </w:rPr>
        <w:t xml:space="preserve">uc1\u-3929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2727\lin2727 }{\listlevel\levelnfc23\levelnfcn23\leveljc0\leveljcn0\levelfollow0\levelstartat1\lvltentative\levelspace0\levelindent0{\leveltext\leveltemplateid68747265\'01{\uc1\u-3913 ?};}{\levelnumber</w:t>
      </w:r>
      <w:r w:rsidRPr="00651F56">
        <w:rPr>
          <w:rFonts w:ascii="Courier New" w:hAnsi="Courier New" w:cs="Courier New"/>
        </w:rPr>
        <w:t>s;}\f3\fbias0 \fi-360\li3447\lin3447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lnfcn23\leveljc0\leveljcn0\levelfollow0\levelstartat1\lvltentative\levelspace0\levelindent0{\leveltext\leveltemplateid68747267\'01o;}{\levelnumbers;}\f2\fbias0 \fi-360\li4167\lin4167 }{\lis</w:t>
      </w:r>
      <w:r w:rsidRPr="00651F56">
        <w:rPr>
          <w:rFonts w:ascii="Courier New" w:hAnsi="Courier New" w:cs="Courier New"/>
        </w:rPr>
        <w:t>tlevel\levelnfc23\levelnfcn23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\leveltext\leveltemplateid68747269\'01{\uc1\u-3929 ?};}{\levelnumbers;}\f10\fbias0 \fi-360\li4887\lin4887 }{\listlevel\levelnfc23\levelnfcn2</w:t>
      </w:r>
      <w:r w:rsidRPr="00651F56">
        <w:rPr>
          <w:rFonts w:ascii="Courier New" w:hAnsi="Courier New" w:cs="Courier New"/>
        </w:rPr>
        <w:t>3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47265\'01{\uc1\u-3913 ?};}{\levelnumbers;}\f3\fbias0 \fi-360\li5607\lin5607 }{\listlevel\levelnfc23\levelnfcn23\leveljc0\leveljcn0\levelfol</w:t>
      </w:r>
      <w:r w:rsidRPr="00651F56">
        <w:rPr>
          <w:rFonts w:ascii="Courier New" w:hAnsi="Courier New" w:cs="Courier New"/>
        </w:rPr>
        <w:t>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68747267\'01o;}{\levelnumbers;}\f2\fbias0 \fi-360\li6327\lin6327 }{\listlevel\levelnfc23\levelnfcn23\leveljc0\leveljcn0\levelfollow0\levelstartat1\lvltentative\levelspace0</w:t>
      </w:r>
      <w:r w:rsidRPr="00651F56">
        <w:rPr>
          <w:rFonts w:ascii="Courier New" w:hAnsi="Courier New" w:cs="Courier New"/>
        </w:rPr>
        <w:t>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9\'01{\uc1\u-3929 ?};}{\levelnumbers;}\f10\fbias0 \fi-360\li7047\lin7047 }{\listname ;}\listid71465468}{\list\listtemplateid-1247787538\listhybrid{\listlevel\levelnfc0\levelnfcn0\leveljc0\leveljcn0\levelfoll</w:t>
      </w:r>
      <w:r w:rsidRPr="00651F56">
        <w:rPr>
          <w:rFonts w:ascii="Courier New" w:hAnsi="Courier New" w:cs="Courier New"/>
        </w:rPr>
        <w:t>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1438034842\'02\'00.;}{\levelnumbers\'01;}\rtlch\fcs1 \af0 \ltrch\fcs0 \fi-360\li928\lin928 }{\listlevel\levelnfc4\levelnfcn4\leveljc0\leveljcn0\levelfollow0\levelstartat1\levelspace0\le</w:t>
      </w:r>
      <w:r w:rsidRPr="00651F56">
        <w:rPr>
          <w:rFonts w:ascii="Courier New" w:hAnsi="Courier New" w:cs="Courier New"/>
        </w:rPr>
        <w:t>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68747289\'02\'01.;}{\levelnumbers\'01;}\rtlch\fcs1 \af0 \ltrch\fcs0 \fi-360\li1648\lin1648 }{\listlevel\levelnfc2\levelnfcn2\leveljc2\leveljcn2\levelfollow0\levelstartat1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</w:t>
      </w:r>
      <w:r w:rsidRPr="00651F56">
        <w:rPr>
          <w:rFonts w:ascii="Courier New" w:hAnsi="Courier New" w:cs="Courier New"/>
        </w:rPr>
        <w:t>plateid68747291\'02\'02.;}{\levelnumbers\'01;}\rtlch\fcs1 \af0 \ltrch\fcs0 \fi-180\li2368\lin2368 }{\listlevel\levelnfc0\levelnfcn0\leveljc0\leveljcn0\levelfollow0\levelstartat1\levelspace0\levelindent0{\leveltext\leveltemplateid6874727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3.;}{\leve</w:t>
      </w:r>
      <w:r w:rsidRPr="00651F56">
        <w:rPr>
          <w:rFonts w:ascii="Courier New" w:hAnsi="Courier New" w:cs="Courier New"/>
        </w:rPr>
        <w:t>lnumbers\'01;}\rtlch\fcs1 \af0 \ltrch\fcs0 \fi-360\li3088\lin3088 }{\listlevel\levelnfc4\levelnfcn4\leveljc0\leveljcn0\levelfollow0\levelstartat1\levelspace0\levelindent0{\leveltext\leveltemplateid68747289\'02\'04.;}{\levelnumbers\'01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 \</w:t>
      </w:r>
      <w:r w:rsidRPr="00651F56">
        <w:rPr>
          <w:rFonts w:ascii="Courier New" w:hAnsi="Courier New" w:cs="Courier New"/>
        </w:rPr>
        <w:t xml:space="preserve">ltrch\fcs0 \fi-360\li3808\lin3808 }{\listlevel\levelnfc2\levelnfcn2\leveljc2\leveljcn2\levelfollow0\levelstartat1\levelspace0\levelindent0{\leveltext\leveltemplateid68747291\'02\'05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180\li4528\lin452</w:t>
      </w:r>
      <w:r w:rsidRPr="00651F56">
        <w:rPr>
          <w:rFonts w:ascii="Courier New" w:hAnsi="Courier New" w:cs="Courier New"/>
        </w:rPr>
        <w:t>8 }{\listlevel\levelnfc0\levelnfcn0\leveljc0\leveljcn0\levelfollow0\levelstartat1\levelspace0\levelindent0{\leveltext\leveltemplateid68747279\'02\'06.;}{\levelnumbers\'01;}\rtlch\fcs1 \af0 \ltrch\fcs0 \fi-360\li5248\lin5248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4\levelnf</w:t>
      </w:r>
      <w:r w:rsidRPr="00651F56">
        <w:rPr>
          <w:rFonts w:ascii="Courier New" w:hAnsi="Courier New" w:cs="Courier New"/>
        </w:rPr>
        <w:t>cn4\leveljc0\leveljcn0\levelfollow0\levelstartat1\levelspace0\levelindent0{\leveltext\leveltemplateid68747289\'02\'07.;}{\levelnumbers\'01;}\rtlch\fcs1 \af0 \ltrch\fcs0 \fi-360\li5968\lin5968 }{\listlevel\levelnfc2\levelnfcn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2\leveljcn2\levelfoll</w:t>
      </w:r>
      <w:r w:rsidRPr="00651F56">
        <w:rPr>
          <w:rFonts w:ascii="Courier New" w:hAnsi="Courier New" w:cs="Courier New"/>
        </w:rPr>
        <w:t>ow0\levelstartat1\levelspace0\levelindent0{\leveltext\leveltemplateid68747291\'02\'08.;}{\levelnumbers\'01;}\rtlch\fcs1 \af0 \ltrch\fcs0 \fi-180\li6688\lin6688 }{\listname ;}\listid152840754}{\list\listtemplateid-46001943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isthybrid{\listlevel\levelnfc0</w:t>
      </w:r>
      <w:r w:rsidRPr="00651F56">
        <w:rPr>
          <w:rFonts w:ascii="Courier New" w:hAnsi="Courier New" w:cs="Courier New"/>
        </w:rPr>
        <w:t>\levelnfcn0\leveljc0\leveljcn0\levelfollow0\levelstartat1\levelspace0\levelindent0{\leveltext\leveltemplateid68747279\'02\'00.;}{\levelnumbers\'01;}\rtlch\fcs1 \af0 \ltrch\fcs0 \fi-360\li900\lin900 }{\listlevel\levelnfc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n4\leveljc0\leveljcn0\lev</w:t>
      </w:r>
      <w:r w:rsidRPr="00651F56">
        <w:rPr>
          <w:rFonts w:ascii="Courier New" w:hAnsi="Courier New" w:cs="Courier New"/>
        </w:rPr>
        <w:t>elfollow0\levelstartat1\lvltentative\levelspace0\levelindent0{\leveltext\leveltemplateid68747289\'02\'01.;}{\levelnumbers\'01;}\rtlch\fcs1 \af0 \ltrch\fcs0 \fi-360\li1620\lin1620 }{\listlevel\levelnfc2\levelnfcn2\leveljc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2\levelfollow0\levelstar</w:t>
      </w:r>
      <w:r w:rsidRPr="00651F56">
        <w:rPr>
          <w:rFonts w:ascii="Courier New" w:hAnsi="Courier New" w:cs="Courier New"/>
        </w:rPr>
        <w:t>tat1\lvltentative\levelspace0\levelindent0{\leveltext\leveltemplateid68747291\'02\'02.;}{\levelnumbers\'01;}\rtlch\fcs1 \af0 \ltrch\fcs0 \fi-180\li2340\lin2340 }{\listlevel\levelnfc0\levelnfcn0\leveljc0\leveljcn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follow0\levelstartat1\lvltentative\l</w:t>
      </w:r>
      <w:r w:rsidRPr="00651F56">
        <w:rPr>
          <w:rFonts w:ascii="Courier New" w:hAnsi="Courier New" w:cs="Courier New"/>
        </w:rPr>
        <w:t>evelspace0\levelindent0{\leveltext\leveltemplateid68747279\'02\'03.;}{\levelnumbers\'01;}\rtlch\fcs1 \af0 \ltrch\fcs0 \fi-360\li3060\lin3060 }{\listlevel\levelnfc4\levelnfcn4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</w:t>
      </w:r>
      <w:r w:rsidRPr="00651F56">
        <w:rPr>
          <w:rFonts w:ascii="Courier New" w:hAnsi="Courier New" w:cs="Courier New"/>
        </w:rPr>
        <w:t>ent0{\leveltext\leveltemplateid68747289\'02\'04.;}{\levelnumbers\'01;}\rtlch\fcs1 \af0 \ltrch\fcs0 \fi-360\li3780\lin3780 }{\listlevel\levelnfc2\levelnfcn2\leveljc2\leveljcn2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0\levelindent0{\leveltext\lev</w:t>
      </w:r>
      <w:r w:rsidRPr="00651F56">
        <w:rPr>
          <w:rFonts w:ascii="Courier New" w:hAnsi="Courier New" w:cs="Courier New"/>
        </w:rPr>
        <w:t>eltemplateid68747291\'02\'05.;}{\levelnumbers\'01;}\rtlch\fcs1 \af0 \ltrch\fcs0 \fi-180\li4500\lin4500 }{\listlevel\levelnfc0\levelnfcn0\leveljc0\leveljcn0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6874727</w:t>
      </w:r>
      <w:r w:rsidRPr="00651F56">
        <w:rPr>
          <w:rFonts w:ascii="Courier New" w:hAnsi="Courier New" w:cs="Courier New"/>
        </w:rPr>
        <w:t>9\'02\'06.;}{\levelnumbers\'01;}\rtlch\fcs1 \af0 \ltrch\fcs0 \fi-360\li5220\lin5220 }{\listlevel\levelnfc4\levelnfcn4\leveljc0\leveljcn0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89\'02\'07.;}{\level</w:t>
      </w:r>
      <w:r w:rsidRPr="00651F56">
        <w:rPr>
          <w:rFonts w:ascii="Courier New" w:hAnsi="Courier New" w:cs="Courier New"/>
        </w:rPr>
        <w:t>numbers\'01;}\rtlch\fcs1 \af0 \ltrch\fcs0 \fi-360\li5940\lin5940 }{\listlevel\levelnfc2\levelnfcn2\leveljc2\leveljcn2\levelfollow0\levelstartat1\lvltentative\levelspa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68747291\'02\'08.;}{\levelnumbers\'01;}\rtlch</w:t>
      </w:r>
      <w:r w:rsidRPr="00651F56">
        <w:rPr>
          <w:rFonts w:ascii="Courier New" w:hAnsi="Courier New" w:cs="Courier New"/>
        </w:rPr>
        <w:t>\fcs1 \af0 \ltrch\fcs0 \fi-180\li6660\lin6660 }{\listname ;}\listid180551690}{\list\listtemplateid-798296464\listhybrid{\listlevel\levelnfc0\levelnfc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evelspace0\levelindent0{\leveltext\leveltemplateid-2716</w:t>
      </w:r>
      <w:r w:rsidRPr="00651F56">
        <w:rPr>
          <w:rFonts w:ascii="Courier New" w:hAnsi="Courier New" w:cs="Courier New"/>
        </w:rPr>
        <w:t>92586\'02\'00.;}{\levelnumbers\'01;}\rtlch\fcs1 \af0 \ltrch\fcs0 \b0\fbias0 \fi-360\li720\jclisttab\tx720\lin720 }{\listlevel\levelnfc4\levelnfcn4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</w:t>
      </w:r>
      <w:r w:rsidRPr="00651F56">
        <w:rPr>
          <w:rFonts w:ascii="Courier New" w:hAnsi="Courier New" w:cs="Courier New"/>
        </w:rPr>
        <w:t>eid68747289\'02\'01.;}{\levelnumbers\'01;}\rtlch\fcs1 \af0 \ltrch\fcs0 \fi-360\li1440\jclisttab\tx1440\lin1440 }{\listlevel\levelnfc2\levelnfcn2\leveljc2\leveljcn2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</w:t>
      </w:r>
      <w:r w:rsidRPr="00651F56">
        <w:rPr>
          <w:rFonts w:ascii="Courier New" w:hAnsi="Courier New" w:cs="Courier New"/>
        </w:rPr>
        <w:t>d68747291\'02\'02.;}{\levelnumbers\'01;}\rtlch\fcs1 \af0 \ltrch\fcs0 \fi-180\li2160\jclisttab\tx2160\lin2160 }{\listlevel\levelnfc0\levelnfc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</w:t>
      </w:r>
      <w:r w:rsidRPr="00651F56">
        <w:rPr>
          <w:rFonts w:ascii="Courier New" w:hAnsi="Courier New" w:cs="Courier New"/>
        </w:rPr>
        <w:t>8747279\'02\'03.;}{\levelnumbers\'01;}\rtlch\fcs1 \af0 \ltrch\fcs0 \fi-360\li2880\jclisttab\tx2880\lin2880 }{\listlevel\levelnfc4\levelnfcn4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</w:t>
      </w:r>
      <w:r w:rsidRPr="00651F56">
        <w:rPr>
          <w:rFonts w:ascii="Courier New" w:hAnsi="Courier New" w:cs="Courier New"/>
        </w:rPr>
        <w:t>47289\'02\'04.;}{\levelnumbers\'01;}\rtlch\fcs1 \af0 \ltrch\fcs0 \fi-360\li3600\jclisttab\tx3600\lin3600 }{\listlevel\levelnfc2\levelnfcn2\leveljc2\leveljcn2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47</w:t>
      </w:r>
      <w:r w:rsidRPr="00651F56">
        <w:rPr>
          <w:rFonts w:ascii="Courier New" w:hAnsi="Courier New" w:cs="Courier New"/>
        </w:rPr>
        <w:t>291\'02\'05.;}{\levelnumbers\'01;}\rtlch\fcs1 \af0 \ltrch\fcs0 \fi-180\li4320\jclisttab\tx4320\lin4320 }{\listlevel\levelnfc0\levelnfc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4727</w:t>
      </w:r>
      <w:r w:rsidRPr="00651F56">
        <w:rPr>
          <w:rFonts w:ascii="Courier New" w:hAnsi="Courier New" w:cs="Courier New"/>
        </w:rPr>
        <w:t>9\'02\'06.;}{\levelnumbers\'01;}\rtlch\fcs1 \af0 \ltrch\fcs0 \fi-360\li5040\jclisttab\tx5040\lin5040 }{\listlevel\levelnfc4\levelnfcn4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47289\</w:t>
      </w:r>
      <w:r w:rsidRPr="00651F56">
        <w:rPr>
          <w:rFonts w:ascii="Courier New" w:hAnsi="Courier New" w:cs="Courier New"/>
        </w:rPr>
        <w:t>'02\'07.;}{\levelnumbers\'01;}\rtlch\fcs1 \af0 \ltrch\fcs0 \fi-360\li5760\jclisttab\tx5760\lin5760 }{\listlevel\levelnfc2\levelnfcn2\leveljc2\leveljcn2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47291\'0</w:t>
      </w:r>
      <w:r w:rsidRPr="00651F56">
        <w:rPr>
          <w:rFonts w:ascii="Courier New" w:hAnsi="Courier New" w:cs="Courier New"/>
        </w:rPr>
        <w:t>2\'08.;}{\levelnumbers\'01;}\rtlch\fcs1 \af0 \ltrch\fcs0 \fi-180\li6480\jclisttab\tx6480\lin6480 }{\listname ;}\listid211624994}{\list\listtemplateid-69846137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isthybrid{\listlevel\levelnfc23\levelnfcn23\leveljc0\leveljcn0\levelfollow0\levelstartat1\lev</w:t>
      </w:r>
      <w:r w:rsidRPr="00651F56">
        <w:rPr>
          <w:rFonts w:ascii="Courier New" w:hAnsi="Courier New" w:cs="Courier New"/>
        </w:rPr>
        <w:t>elspace360\levelindent0{\leveltext\leveltemplateid68747265\'01{\uc1\u-3913 ?};}{\levelnumbers;}\f3\fbias0 \fi-360\li720\lin720 }{\listlevel\levelnfc2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n23\leveljc0\leveljcn0\levelfollow0\levelstartat1\lvltentative\levelspace360\levelindent0{\leve</w:t>
      </w:r>
      <w:r w:rsidRPr="00651F56">
        <w:rPr>
          <w:rFonts w:ascii="Courier New" w:hAnsi="Courier New" w:cs="Courier New"/>
        </w:rPr>
        <w:t>ltext\leveltemplateid68747267\'01o;}{\levelnumbers;}\f2\fbias0 \fi-360\li1440\lin1440 }{\listlevel\levelnfc23\levelnfcn23\leveljc0\leveljcn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follow0\levelstartat1\lvltentative\levelspace360\levelindent0{\leveltext\leveltemplateid68747269\'01{\uc1\u-</w:t>
      </w:r>
      <w:r w:rsidRPr="00651F56">
        <w:rPr>
          <w:rFonts w:ascii="Courier New" w:hAnsi="Courier New" w:cs="Courier New"/>
        </w:rPr>
        <w:t>3929 ?};}{\levelnumbers;}\f10\fbias0 \fi-360\li2160\lin2160 }{\listlevel\levelnfc23\levelnfcn23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360\levelindent0{\leveltext\leveltemplateid68747265\'01{\uc1\u-3913 ?};}{\levelnumbers;}\</w:t>
      </w:r>
      <w:r w:rsidRPr="00651F56">
        <w:rPr>
          <w:rFonts w:ascii="Courier New" w:hAnsi="Courier New" w:cs="Courier New"/>
        </w:rPr>
        <w:t>f3\fbias0 \fi-360\li2880\lin2880 }{\listlevel\levelnfc23\levelnfcn23\leveljc0\leveljcn0\levelfollow0\levelstartat1\lvltentative\levelspace36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67\'01o;}{\levelnumbers;}\f2\fbias0 \fi-360\li3600\lin3600 }{\listl</w:t>
      </w:r>
      <w:r w:rsidRPr="00651F56">
        <w:rPr>
          <w:rFonts w:ascii="Courier New" w:hAnsi="Courier New" w:cs="Courier New"/>
        </w:rPr>
        <w:t>evel\levelnfc23\levelnfcn23\leveljc0\leveljcn0\levelfollow0\levelstartat1\lvltentative\levelspace36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9\'01{\uc1\u-3929 ?};}{\levelnumbers;}\f10\fbias0 \fi-360\li4320\lin4320 }{\listlevel\levelnfc23\levelnfcn2</w:t>
      </w:r>
      <w:r w:rsidRPr="00651F56">
        <w:rPr>
          <w:rFonts w:ascii="Courier New" w:hAnsi="Courier New" w:cs="Courier New"/>
        </w:rPr>
        <w:t>3\leveljc0\leveljcn0\levelfollow0\levelstartat1\lvltentative\levelspace36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13 ?};}{\levelnumbers;}\f3\fbias0 \fi-360\li5040\lin5040 }{\listlevel\levelnfc23\levelnfcn23\leveljc0\leveljcn0\levelf</w:t>
      </w:r>
      <w:r w:rsidRPr="00651F56">
        <w:rPr>
          <w:rFonts w:ascii="Courier New" w:hAnsi="Courier New" w:cs="Courier New"/>
        </w:rPr>
        <w:t>ollow0\levelstartat1\lvltentative\levelspace360\levelindent0{\leveltext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0 \fi-360\li5760\lin5760 }{\listlevel\levelnfc23\levelnfcn23\leveljc0\leveljcn0\levelfollow0\levelstartat1\lvltentative\levelsp</w:t>
      </w:r>
      <w:r w:rsidRPr="00651F56">
        <w:rPr>
          <w:rFonts w:ascii="Courier New" w:hAnsi="Courier New" w:cs="Courier New"/>
        </w:rPr>
        <w:t xml:space="preserve">ace360\levelindent0{\leveltext\leveltemplateid68747269\'01{\uc1\u-3929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6480\lin6480 }{\listname ;}\listid221406468}{\list\listtemplateid-1143951480\listhybrid{\listlevel\levelnfc23\levelnfcn23\leveljc0\leveljcn0\</w:t>
      </w:r>
      <w:r w:rsidRPr="00651F56">
        <w:rPr>
          <w:rFonts w:ascii="Courier New" w:hAnsi="Courier New" w:cs="Courier New"/>
        </w:rPr>
        <w:t>levelfollow0\levelstartat1\levelspace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13 ?};}{\levelnumbers;}\f3\fbias0 \fi-360\li1440\lin1440 }{\listlevel\levelnfc23\levelnfcn23\leveljc0\leveljcn0\levelfollow0\levelstartat1\lvltentative\le</w:t>
      </w:r>
      <w:r w:rsidRPr="00651F56">
        <w:rPr>
          <w:rFonts w:ascii="Courier New" w:hAnsi="Courier New" w:cs="Courier New"/>
        </w:rPr>
        <w:t>velspace0\levelindent0{\leveltext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0 \fi-360\li2160\lin2160 }{\listlevel\levelnfc23\levelnfcn23\leveljc0\leveljcn0\levelfollow0\levelstartat1\lvltentative\levelspace0\levelindent0{\leveltext\leveltemp</w:t>
      </w:r>
      <w:r w:rsidRPr="00651F56">
        <w:rPr>
          <w:rFonts w:ascii="Courier New" w:hAnsi="Courier New" w:cs="Courier New"/>
        </w:rPr>
        <w:t xml:space="preserve">lateid68747269\'01{\uc1\u-3929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2880\lin2880 }{\listlevel\levelnfc23\levelnfcn23\leveljc0\leveljcn0\levelfollow0\levelstartat1\lvltentative\levelspace0\levelindent0{\leveltext\leveltemplateid68747265\'01{\uc1\u-39</w:t>
      </w:r>
      <w:r w:rsidRPr="00651F56">
        <w:rPr>
          <w:rFonts w:ascii="Courier New" w:hAnsi="Courier New" w:cs="Courier New"/>
        </w:rPr>
        <w:t>13 ?};}{\levelnumbers;}\f3\fbias0 \fi-360\li3600\lin3600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lnfcn23\leveljc0\leveljcn0\levelfollow0\levelstartat1\lvltentative\levelspace0\levelindent0{\leveltext\leveltemplateid68747267\'01o;}{\levelnumbers;}\f2\fbias0 \fi-360\l</w:t>
      </w:r>
      <w:r w:rsidRPr="00651F56">
        <w:rPr>
          <w:rFonts w:ascii="Courier New" w:hAnsi="Courier New" w:cs="Courier New"/>
        </w:rPr>
        <w:t>i4320\lin4320 }{\listlevel\levelnfc23\levelnfcn23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\leveltext\leveltemplateid68747269\'01{\uc1\u-3929 ?};}{\levelnumbers;}\f10\fbias0 \fi-360\li5040\lin5040 }{\listlevel\l</w:t>
      </w:r>
      <w:r w:rsidRPr="00651F56">
        <w:rPr>
          <w:rFonts w:ascii="Courier New" w:hAnsi="Courier New" w:cs="Courier New"/>
        </w:rPr>
        <w:t>evelnfc23\levelnfcn23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47265\'01{\uc1\u-3913 ?};}{\levelnumbers;}\f3\fbias0 \fi-360\li5760\lin5760 }{\listlevel\levelnfc23\levelnfcn23\leveljc</w:t>
      </w:r>
      <w:r w:rsidRPr="00651F56">
        <w:rPr>
          <w:rFonts w:ascii="Courier New" w:hAnsi="Courier New" w:cs="Courier New"/>
        </w:rPr>
        <w:t>0\leveljcn0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68747267\'01o;}{\levelnumbers;}\f2\fbias0 \fi-360\li6480\lin6480 }{\listlevel\levelnfc23\levelnfcn23\leveljc0\leveljcn0\levelfollow0\levelstartat1\lvlt</w:t>
      </w:r>
      <w:r w:rsidRPr="00651F56">
        <w:rPr>
          <w:rFonts w:ascii="Courier New" w:hAnsi="Courier New" w:cs="Courier New"/>
        </w:rPr>
        <w:t>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9\'01{\uc1\u-3929 ?};}{\levelnumbers;}\f10\fbias0 \fi-360\li7200\lin7200 }{\listname ;}\listid221601980}{\list\listtemplateid-860423402\listhybrid{\listlevel\levelnfc0\levelnfcn0\leveljc0</w:t>
      </w:r>
      <w:r w:rsidRPr="00651F56">
        <w:rPr>
          <w:rFonts w:ascii="Courier New" w:hAnsi="Courier New" w:cs="Courier New"/>
        </w:rPr>
        <w:t>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68747279\'02\'00.;}{\levelnumbers\'01;}\rtlch\fcs1 \af0 \ltrch\fcs0 \fi-360\li1188\lin1188 }{\listlevel\levelnfc4\levelnfcn4\leveljc0\leveljcn0\levelfollow0\levelsta</w:t>
      </w:r>
      <w:r w:rsidRPr="00651F56">
        <w:rPr>
          <w:rFonts w:ascii="Courier New" w:hAnsi="Courier New" w:cs="Courier New"/>
        </w:rPr>
        <w:t>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89\'02\'01.;}{\levelnumbers\'01;}\rtlch\fcs1 \af0 \ltrch\fcs0 \fi-360\li1908\lin1908 }{\listlevel\levelnfc2\levelnfcn2\leveljc2\leveljcn2\levelfollow0\levelstartat1\lvltentative\</w:t>
      </w:r>
      <w:r w:rsidRPr="00651F56">
        <w:rPr>
          <w:rFonts w:ascii="Courier New" w:hAnsi="Courier New" w:cs="Courier New"/>
        </w:rPr>
        <w:t>levelspa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68747291\'02\'02.;}{\levelnumbers\'01;}\rtlch\fcs1 \af0 \ltrch\fcs0 \fi-180\li2628\lin2628 }{\listlevel\levelnfc0\levelnfcn0\leveljc0\leveljcn0\levelfollow0\levelstartat1\lvltentative\levelspace0\levelin</w:t>
      </w:r>
      <w:r w:rsidRPr="00651F56">
        <w:rPr>
          <w:rFonts w:ascii="Courier New" w:hAnsi="Courier New" w:cs="Courier New"/>
        </w:rPr>
        <w:t>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79\'02\'03.;}{\levelnumbers\'01;}\rtlch\fcs1 \af0 \ltrch\fcs0 \fi-360\li3348\lin3348 }{\listlevel\levelnfc4\levelnfcn4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</w:t>
      </w:r>
      <w:r w:rsidRPr="00651F56">
        <w:rPr>
          <w:rFonts w:ascii="Courier New" w:hAnsi="Courier New" w:cs="Courier New"/>
        </w:rPr>
        <w:t>leveltemplateid68747289\'02\'04.;}{\levelnumbers\'01;}\rtlch\fcs1 \af0 \ltrch\fcs0 \fi-360\li4068\lin4068 }{\listlevel\levelnfc2\levelnfcn2\le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</w:t>
      </w:r>
      <w:r w:rsidRPr="00651F56">
        <w:rPr>
          <w:rFonts w:ascii="Courier New" w:hAnsi="Courier New" w:cs="Courier New"/>
        </w:rPr>
        <w:t>7291\'02\'05.;}{\levelnumbers\'01;}\rtlch\fcs1 \af0 \ltrch\fcs0 \fi-180\li4788\lin4788 }{\listlevel\levelnfc0\levelnfcn0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79\'02\'06.;}{\le</w:t>
      </w:r>
      <w:r w:rsidRPr="00651F56">
        <w:rPr>
          <w:rFonts w:ascii="Courier New" w:hAnsi="Courier New" w:cs="Courier New"/>
        </w:rPr>
        <w:t>velnumbers\'01;}\rtlch\fcs1 \af0 \ltrch\fcs0 \fi-360\li5508\lin5508 }{\listlevel\levelnfc4\levelnfcn4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89\'02\'07.;}{\levelnumbers\'01;}\rt</w:t>
      </w:r>
      <w:r w:rsidRPr="00651F56">
        <w:rPr>
          <w:rFonts w:ascii="Courier New" w:hAnsi="Courier New" w:cs="Courier New"/>
        </w:rPr>
        <w:t>lch\fcs1 \af0 \ltrch\fcs0 \fi-360\li6228\lin6228 }{\listlevel\levelnfc2\levelnfcn2\le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8.;}{\levelnumbers\'01;}\rtlch\fcs1 \af0 \ltrc</w:t>
      </w:r>
      <w:r w:rsidRPr="00651F56">
        <w:rPr>
          <w:rFonts w:ascii="Courier New" w:hAnsi="Courier New" w:cs="Courier New"/>
        </w:rPr>
        <w:t>h\fcs0 \fi-180\li6948\lin6948 }{\listname ;}\listid231162556}{\list\listtemplateid1894159634\listhybrid{\listlevel\levelnfc23\levelnfcn23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evelspace0\levelindent0{\leveltext\leveltemplateid68747265\'01{\uc1\u</w:t>
      </w:r>
      <w:r w:rsidRPr="00651F56">
        <w:rPr>
          <w:rFonts w:ascii="Courier New" w:hAnsi="Courier New" w:cs="Courier New"/>
        </w:rPr>
        <w:t>-3913 ?};}{\levelnumbers;}\f3\fbias0 \fi-360\li720\lin720 }{\listlevel\levelnfc23\levelnfcn23\leveljc0\leveljcn0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67\'01o;}{\levelnumbers;}\f2\fbias0 \fi-360\</w:t>
      </w:r>
      <w:r w:rsidRPr="00651F56">
        <w:rPr>
          <w:rFonts w:ascii="Courier New" w:hAnsi="Courier New" w:cs="Courier New"/>
        </w:rPr>
        <w:t>li1440\lin1440 }{\listlevel\levelnfc23\levelnfcn23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9\'01{\uc1\u-3929 ?};}{\levelnumbers;}\f10\fbias0 \fi-360\li2160\lin2160 }{\listlevel\</w:t>
      </w:r>
      <w:r w:rsidRPr="00651F56">
        <w:rPr>
          <w:rFonts w:ascii="Courier New" w:hAnsi="Courier New" w:cs="Courier New"/>
        </w:rPr>
        <w:t>levelnfc23\levelnfcn23\leveljc0\leveljcn0\levelfollow0\levelstartat1\lvltentative\levelspace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13 ?};}{\levelnumbers;}\f3\fbias0 \fi-360\li2880\lin2880 }{\listlevel\levelnfc23\levelnfcn23\levelj</w:t>
      </w:r>
      <w:r w:rsidRPr="00651F56">
        <w:rPr>
          <w:rFonts w:ascii="Courier New" w:hAnsi="Courier New" w:cs="Courier New"/>
        </w:rPr>
        <w:t>c0\leveljcn0\levelfollow0\levelstartat1\lvltentative\levelspace0\levelindent0{\leveltext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0 \fi-360\li3600\lin3600 }{\listlevel\levelnfc23\levelnfcn23\leveljc0\leveljcn0\levelfollow0\levelstartat1\lvl</w:t>
      </w:r>
      <w:r w:rsidRPr="00651F56">
        <w:rPr>
          <w:rFonts w:ascii="Courier New" w:hAnsi="Courier New" w:cs="Courier New"/>
        </w:rPr>
        <w:t xml:space="preserve">tentative\levelspace0\levelindent0{\leveltext\leveltemplateid68747269\'01{\uc1\u-3929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4320\lin4320 }{\listlevel\levelnfc23\levelnfcn23\leveljc0\leveljcn0\levelfollow0\levelstartat1\lvltentative\levelspace0\leveli</w:t>
      </w:r>
      <w:r w:rsidRPr="00651F56">
        <w:rPr>
          <w:rFonts w:ascii="Courier New" w:hAnsi="Courier New" w:cs="Courier New"/>
        </w:rPr>
        <w:t>ndent0{\leveltext\leveltemplateid68747265\'01{\uc1\u-3913 ?};}{\levelnumbers;}\f3\fbias0 \fi-360\li5040\lin5040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lnfcn23\leveljc0\leveljcn0\levelfollow0\levelstartat1\lvltentative\levelspace0\levelindent0{\leveltext\leveltempla</w:t>
      </w:r>
      <w:r w:rsidRPr="00651F56">
        <w:rPr>
          <w:rFonts w:ascii="Courier New" w:hAnsi="Courier New" w:cs="Courier New"/>
        </w:rPr>
        <w:t>teid68747267\'01o;}{\levelnumbers;}\f2\fbias0 \fi-360\li5760\lin5760 }{\listlevel\levelnfc23\levelnfcn23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\leveltext\leveltemplateid68747269\'01{\uc1\u-3929 ?};}{\levelnum</w:t>
      </w:r>
      <w:r w:rsidRPr="00651F56">
        <w:rPr>
          <w:rFonts w:ascii="Courier New" w:hAnsi="Courier New" w:cs="Courier New"/>
        </w:rPr>
        <w:t>bers;}\f10\fbias0 \fi-360\li6480\lin6480 }{\listname ;}\listid248193611}{\list\listtemplateid1003101042\listhybri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lnfcn23\leveljc0\leveljcn0\levelfollow0\levelstartat1\levelspace0\levelindent0{\leveltext\leveltemplateid68747277</w:t>
      </w:r>
      <w:r w:rsidRPr="00651F56">
        <w:rPr>
          <w:rFonts w:ascii="Courier New" w:hAnsi="Courier New" w:cs="Courier New"/>
        </w:rPr>
        <w:t>\'01{\uc1\u-3844 ?};}{\levelnumbers;}\f10\fbias0 \fi-360\li720\lin720 }{\listlevel\levelnfc23\levelnfcn23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\leveltext\leveltemplateid68747267\'01o;}{\levelnumbers;}\f2\fbi</w:t>
      </w:r>
      <w:r w:rsidRPr="00651F56">
        <w:rPr>
          <w:rFonts w:ascii="Courier New" w:hAnsi="Courier New" w:cs="Courier New"/>
        </w:rPr>
        <w:t>as0 \fi-360\li1440\lin1440 }{\listlevel\levelnfc23\levelnfcn23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0\levelindent0{\leveltext\leveltemplateid68747269\'01{\uc1\u-3929 ?};}{\levelnumbers;}\f10\fbias0 \fi-360\li2160\lin2160 }</w:t>
      </w:r>
      <w:r w:rsidRPr="00651F56">
        <w:rPr>
          <w:rFonts w:ascii="Courier New" w:hAnsi="Courier New" w:cs="Courier New"/>
        </w:rPr>
        <w:t>{\listlevel\levelnfc23\levelnfcn23\leveljc0\leveljcn0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65\'01{\uc1\u-3913 ?};}{\levelnumbers;}\f3\fbias0 \fi-360\li2880\lin2880 }{\listlevel\levelnfc23\leveln</w:t>
      </w:r>
      <w:r w:rsidRPr="00651F56">
        <w:rPr>
          <w:rFonts w:ascii="Courier New" w:hAnsi="Courier New" w:cs="Courier New"/>
        </w:rPr>
        <w:t>fcn23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7\'01o;}{\levelnumbers;}\f2\fbias0 \fi-360\li3600\lin3600 }{\listlevel\levelnfc23\levelnfcn23\leveljc0\leveljcn0\levelfollow0\level</w:t>
      </w:r>
      <w:r w:rsidRPr="00651F56">
        <w:rPr>
          <w:rFonts w:ascii="Courier New" w:hAnsi="Courier New" w:cs="Courier New"/>
        </w:rPr>
        <w:t>startat1\lvltentative\levelspace0\levelindent0{\leveltext\leveltemplateid6874726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29 ?};}{\levelnumbers;}\f10\fbias0 \fi-360\li4320\lin4320 }{\listlevel\levelnfc23\levelnfcn23\leveljc0\leveljcn0\levelfollow0\levelstartat1\lvltentative\levels</w:t>
      </w:r>
      <w:r w:rsidRPr="00651F56">
        <w:rPr>
          <w:rFonts w:ascii="Courier New" w:hAnsi="Courier New" w:cs="Courier New"/>
        </w:rPr>
        <w:t>pace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13 ?};}{\levelnumbers;}\f3\fbias0 \fi-360\li5040\lin5040 }{\listlevel\levelnfc23\levelnfcn23\leveljc0\leveljcn0\levelfollow0\levelstartat1\lvltentative\levelspace0\levelindent0{\leveltext</w:t>
      </w:r>
      <w:r w:rsidRPr="00651F56">
        <w:rPr>
          <w:rFonts w:ascii="Courier New" w:hAnsi="Courier New" w:cs="Courier New"/>
        </w:rPr>
        <w:t>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0 \fi-360\li5760\lin5760 }{\listlevel\levelnfc23\levelnfcn23\leveljc0\leveljcn0\levelfollow0\levelstartat1\lvltentative\levelspace0\levelindent0{\leveltext\leveltemplateid68747269\'01{\uc1\u-3929 ?}</w:t>
      </w:r>
      <w:r w:rsidRPr="00651F56">
        <w:rPr>
          <w:rFonts w:ascii="Courier New" w:hAnsi="Courier New" w:cs="Courier New"/>
        </w:rPr>
        <w:t xml:space="preserve">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6480\lin6480 }{\listname ;}\listid441072414}{\list\listtemplateid1122522254\listhybrid{\listlevel\levelnfc0\levelnfcn0\leveljc0\leveljcn0\levelfollow0\levelstartat1\levelspace0\levelindent0{\leveltext\leveltemplate</w:t>
      </w:r>
      <w:r w:rsidRPr="00651F56">
        <w:rPr>
          <w:rFonts w:ascii="Courier New" w:hAnsi="Courier New" w:cs="Courier New"/>
        </w:rPr>
        <w:t>id6874727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0.;}{\levelnumbers\'01;}\rtlch\fcs1 \af0 \ltrch\fcs0 \fbias0 \fi-360\li720\jclisttab\tx720\lin720 }{\listlevel\levelnfc4\levelnfcn4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</w:t>
      </w:r>
      <w:r w:rsidRPr="00651F56">
        <w:rPr>
          <w:rFonts w:ascii="Courier New" w:hAnsi="Courier New" w:cs="Courier New"/>
        </w:rPr>
        <w:t>plateid68747289\'02\'01.;}{\levelnumbers\'01;}\rtlch\fcs1 \af0 \ltrch\fcs0 \fi-360\li1440\jclisttab\tx1440\lin1440 }{\listlevel\levelnfc2\levelnfcn2\le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</w:t>
      </w:r>
      <w:r w:rsidRPr="00651F56">
        <w:rPr>
          <w:rFonts w:ascii="Courier New" w:hAnsi="Courier New" w:cs="Courier New"/>
        </w:rPr>
        <w:t>ateid68747291\'02\'02.;}{\levelnumbers\'01;}\rtlch\fcs1 \af0 \ltrch\fcs0 \fi-180\li2160\jclisttab\tx2160\lin2160 }{\listlevel\levelnfc0\levelnfcn0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</w:t>
      </w:r>
      <w:r w:rsidRPr="00651F56">
        <w:rPr>
          <w:rFonts w:ascii="Courier New" w:hAnsi="Courier New" w:cs="Courier New"/>
        </w:rPr>
        <w:t>eid68747279\'02\'03.;}{\levelnumbers\'01;}\rtlch\fcs1 \af0 \ltrch\fcs0 \fi-360\li2880\jclisttab\tx2880\lin2880 }{\listlevel\levelnfc4\levelnfcn4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</w:t>
      </w:r>
      <w:r w:rsidRPr="00651F56">
        <w:rPr>
          <w:rFonts w:ascii="Courier New" w:hAnsi="Courier New" w:cs="Courier New"/>
        </w:rPr>
        <w:t>d68747289\'02\'04.;}{\levelnumbers\'01;}\rtlch\fcs1 \af0 \ltrch\fcs0 \fi-360\li3600\jclisttab\tx3600\lin3600 }{\listlevel\levelnfc2\levelnfcn2\le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</w:t>
      </w:r>
      <w:r w:rsidRPr="00651F56">
        <w:rPr>
          <w:rFonts w:ascii="Courier New" w:hAnsi="Courier New" w:cs="Courier New"/>
        </w:rPr>
        <w:t>8747291\'02\'05.;}{\levelnumbers\'01;}\rtlch\fcs1 \af0 \ltrch\fcs0 \fi-180\li4320\jclisttab\tx4320\lin4320 }{\listlevel\levelnfc0\levelnfcn0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</w:t>
      </w:r>
      <w:r w:rsidRPr="00651F56">
        <w:rPr>
          <w:rFonts w:ascii="Courier New" w:hAnsi="Courier New" w:cs="Courier New"/>
        </w:rPr>
        <w:t>47279\'02\'06.;}{\levelnumbers\'01;}\rtlch\fcs1 \af0 \ltrch\fcs0 \fi-360\li5040\jclisttab\tx5040\lin5040 }{\listlevel\levelnfc4\levelnfcn4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</w:t>
      </w:r>
      <w:r w:rsidRPr="00651F56">
        <w:rPr>
          <w:rFonts w:ascii="Courier New" w:hAnsi="Courier New" w:cs="Courier New"/>
        </w:rPr>
        <w:t>289\'02\'07.;}{\levelnumbers\'01;}\rtlch\fcs1 \af0 \ltrch\fcs0 \fi-360\li5760\jclisttab\tx5760\lin5760 }{\listlevel\levelnfc2\levelnfcn2\le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</w:t>
      </w:r>
      <w:r w:rsidRPr="00651F56">
        <w:rPr>
          <w:rFonts w:ascii="Courier New" w:hAnsi="Courier New" w:cs="Courier New"/>
        </w:rPr>
        <w:t>1\'02\'08.;}{\levelnumbers\'01;}\rtlch\fcs1 \af0 \ltrch\fcs0 \fi-180\li6480\jclisttab\tx6480\lin6480 }{\listname ;}\listid465785144}{\list\listtemplateid-985995234\listhybrid{\listlevel\levelnfc23\levelnfcn23\leveljc0\leveljcn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follow0\levelstartat1</w:t>
      </w:r>
      <w:r w:rsidRPr="00651F56">
        <w:rPr>
          <w:rFonts w:ascii="Courier New" w:hAnsi="Courier New" w:cs="Courier New"/>
        </w:rPr>
        <w:t>\levelspace0\levelindent0{\leveltext\leveltemplateid-1853089264\'01\'ad;}{\levelnumbers;}\f2\fbias0 \fi-360\li1004\lin1004 }{\listlevel\levelnfc23\levelnfcn23\leveljc0\leveljcn0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</w:t>
      </w:r>
      <w:r w:rsidRPr="00651F56">
        <w:rPr>
          <w:rFonts w:ascii="Courier New" w:hAnsi="Courier New" w:cs="Courier New"/>
        </w:rPr>
        <w:t>leveltemplateid68747267\'01o;}{\levelnumbers;}\f2\fbias0 \fi-360\li1724\lin1724 }{\listlevel\levelnfc23\levelnfcn23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9\'01{\uc1\u-3929 ?};</w:t>
      </w:r>
      <w:r w:rsidRPr="00651F56">
        <w:rPr>
          <w:rFonts w:ascii="Courier New" w:hAnsi="Courier New" w:cs="Courier New"/>
        </w:rPr>
        <w:t>}{\levelnumbers;}\f10\fbias0 \fi-360\li2444\lin2444 }{\listlevel\levelnfc23\levelnfcn23\leveljc0\leveljcn0\levelfollow0\levelstartat1\lvltentative\levelspace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01{\uc1\u-3913 ?};}{\levelnumbers;}\f3\fbias0 </w:t>
      </w:r>
      <w:r w:rsidRPr="00651F56">
        <w:rPr>
          <w:rFonts w:ascii="Courier New" w:hAnsi="Courier New" w:cs="Courier New"/>
        </w:rPr>
        <w:t>\fi-360\li3164\lin3164 }{\listlevel\levelnfc23\levelnfcn23\leveljc0\leveljcn0\levelfollow0\levelstartat1\lvltentative\levelspace0\levelindent0{\leveltext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0 \fi-360\li3884\lin3884 }{\listlevel\levelnf</w:t>
      </w:r>
      <w:r w:rsidRPr="00651F56">
        <w:rPr>
          <w:rFonts w:ascii="Courier New" w:hAnsi="Courier New" w:cs="Courier New"/>
        </w:rPr>
        <w:t xml:space="preserve">c23\levelnfcn23\leveljc0\leveljcn0\levelfollow0\levelstartat1\lvltentative\levelspace0\levelindent0{\leveltext\leveltemplateid68747269\'01{\uc1\u-3929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4604\lin4604 }{\listlevel\levelnfc23\levelnfcn23\leveljc0\lev</w:t>
      </w:r>
      <w:r w:rsidRPr="00651F56">
        <w:rPr>
          <w:rFonts w:ascii="Courier New" w:hAnsi="Courier New" w:cs="Courier New"/>
        </w:rPr>
        <w:t>eljcn0\levelfollow0\levelstartat1\lvltentative\levelspace0\levelindent0{\leveltext\leveltemplateid68747265\'01{\uc1\u-3913 ?};}{\levelnumbers;}\f3\fbias0 \fi-360\li5324\lin5324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lnfcn23\leveljc0\leveljcn0\levelfollow0\levelstar</w:t>
      </w:r>
      <w:r w:rsidRPr="00651F56">
        <w:rPr>
          <w:rFonts w:ascii="Courier New" w:hAnsi="Courier New" w:cs="Courier New"/>
        </w:rPr>
        <w:t>tat1\lvltentative\levelspace0\levelindent0{\leveltext\leveltemplateid68747267\'01o;}{\levelnumbers;}\f2\fbias0 \fi-360\li6044\lin6044 }{\listlevel\levelnfc23\levelnfcn23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</w:t>
      </w:r>
      <w:r w:rsidRPr="00651F56">
        <w:rPr>
          <w:rFonts w:ascii="Courier New" w:hAnsi="Courier New" w:cs="Courier New"/>
        </w:rPr>
        <w:t>\leveltext\leveltemplateid68747269\'01{\uc1\u-3929 ?};}{\levelnumbers;}\f10\fbias0 \fi-360\li6764\lin6764 }{\listname ;}\listid530343067}{\list\listtemplateid-746953512\listhybri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0\levelnfcn0\leveljc0\leveljcn0\levelfollow0\levelstart</w:t>
      </w:r>
      <w:r w:rsidRPr="00651F56">
        <w:rPr>
          <w:rFonts w:ascii="Courier New" w:hAnsi="Courier New" w:cs="Courier New"/>
        </w:rPr>
        <w:t>at1\levelspace57\levelindent0{\leveltext\leveltemplateid110408660\'02\'00.;}{\levelnumbers\'01;}\rtlch\fcs1 \af0 \ltrch\fcs0 \fbias0 \fi-360\li417\lin417 }{\listlevel\levelnfc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n4\leveljc0\leveljcn0\levelfollow0\levelstartat1\lvltentative\levelsp</w:t>
      </w:r>
      <w:r w:rsidRPr="00651F56">
        <w:rPr>
          <w:rFonts w:ascii="Courier New" w:hAnsi="Courier New" w:cs="Courier New"/>
        </w:rPr>
        <w:t>ace0\levelindent0{\leveltext\leveltemplateid68747289\'02\'01.;}{\levelnumbers\'01;}\rtlch\fcs1 \af0 \ltrch\fcs0 \fi-360\li1137\lin1137 }{\listlevel\levelnfc2\levelnfcn2\leveljc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2\levelfollow0\levelstartat1\lvltentative\levelspace0\levelindent0{\</w:t>
      </w:r>
      <w:r w:rsidRPr="00651F56">
        <w:rPr>
          <w:rFonts w:ascii="Courier New" w:hAnsi="Courier New" w:cs="Courier New"/>
        </w:rPr>
        <w:t>leveltext\leveltemplateid68747291\'02\'02.;}{\levelnumbers\'01;}\rtlch\fcs1 \af0 \ltrch\fcs0 \fi-180\li1857\lin1857 }{\listlevel\levelnfc0\levelnfcn0\leveljc0\leveljcn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follow0\levelstartat1\lvltentative\levelspace0\levelindent0{\leveltext\leveltemp</w:t>
      </w:r>
      <w:r w:rsidRPr="00651F56">
        <w:rPr>
          <w:rFonts w:ascii="Courier New" w:hAnsi="Courier New" w:cs="Courier New"/>
        </w:rPr>
        <w:t>lateid68747279\'02\'03.;}{\levelnumbers\'01;}\rtlch\fcs1 \af0 \ltrch\fcs0 \fi-360\li2577\lin2577 }{\listlevel\levelnfc4\levelnfcn4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47289\'02\</w:t>
      </w:r>
      <w:r w:rsidRPr="00651F56">
        <w:rPr>
          <w:rFonts w:ascii="Courier New" w:hAnsi="Courier New" w:cs="Courier New"/>
        </w:rPr>
        <w:t>'04.;}{\levelnumbers\'01;}\rtlch\fcs1 \af0 \ltrch\fcs0 \fi-360\li3297\lin3297 }{\listlevel\levelnfc2\levelnfcn2\leveljc2\leveljcn2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0\levelindent0{\leveltext\leveltemplateid68747291\'02\'05.;}{\levelnumber</w:t>
      </w:r>
      <w:r w:rsidRPr="00651F56">
        <w:rPr>
          <w:rFonts w:ascii="Courier New" w:hAnsi="Courier New" w:cs="Courier New"/>
        </w:rPr>
        <w:t>s\'01;}\rtlch\fcs1 \af0 \ltrch\fcs0 \fi-180\li4017\lin4017 }{\listlevel\levelnfc0\levelnfcn0\leveljc0\leveljcn0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evelspace0\levelindent0{\leveltext\leveltemplateid68747279\'02\'06.;}{\levelnumbers\'01;}\rtlch\fcs1 </w:t>
      </w:r>
      <w:r w:rsidRPr="00651F56">
        <w:rPr>
          <w:rFonts w:ascii="Courier New" w:hAnsi="Courier New" w:cs="Courier New"/>
        </w:rPr>
        <w:t>\af0 \ltrch\fcs0 \fi-360\li4737\lin4737 }{\listlevel\levelnfc4\levelnfcn4\leveljc0\leveljcn0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89\'02\'07.;}{\levelnumbers\'01;}\rtlch\fcs1 \af0 \ltrch\fcs0 \f</w:t>
      </w:r>
      <w:r w:rsidRPr="00651F56">
        <w:rPr>
          <w:rFonts w:ascii="Courier New" w:hAnsi="Courier New" w:cs="Courier New"/>
        </w:rPr>
        <w:t>i-360\li5457\lin5457 }{\listlevel\levelnfc2\levelnfcn2\leveljc2\leveljcn2\levelfollow0\levelstartat1\lvltentative\levelspa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68747291\'02\'08.;}{\levelnumbers\'01;}\rtlch\fcs1 \af0 \ltrch\fcs0 \fi-180\li6177\lin617</w:t>
      </w:r>
      <w:r w:rsidRPr="00651F56">
        <w:rPr>
          <w:rFonts w:ascii="Courier New" w:hAnsi="Courier New" w:cs="Courier New"/>
        </w:rPr>
        <w:t>7 }{\listname ;}\listid774599217}{\list\listtemplateid-2115732506\listhybrid{\listlevel\levelnfc0\levelnfcn0\leveljc0\leveljcn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follow0\levelstartat1\levelspace0\levelindent0{\leveltext\leveltemplateid68747279\'02\'00.;}{\levelnumbers\'01;}\rtlch\fc</w:t>
      </w:r>
      <w:r w:rsidRPr="00651F56">
        <w:rPr>
          <w:rFonts w:ascii="Courier New" w:hAnsi="Courier New" w:cs="Courier New"/>
        </w:rPr>
        <w:t>s1 \af0 \ltrch\fcs0 \fbias0 \fi-360\li720\lin720 }{\listlevel\levelnfc4\levelnfcn4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0\levelindent0{\leveltext\leveltemplateid68747289\'02\'01.;}{\levelnumbers\'01;}\rtlch\fcs1 \af0 \ltrc</w:t>
      </w:r>
      <w:r w:rsidRPr="00651F56">
        <w:rPr>
          <w:rFonts w:ascii="Courier New" w:hAnsi="Courier New" w:cs="Courier New"/>
        </w:rPr>
        <w:t>h\fcs0 \fi-360\li1440\lin1440 }{\listlevel\levelnfc2\levelnfcn2\leveljc2\leveljcn2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68747291\'02\'02.;}{\levelnumbers\'01;}\rtlch\fcs1 \af0 \ltrch\fcs0 \fi-180\li21</w:t>
      </w:r>
      <w:r w:rsidRPr="00651F56">
        <w:rPr>
          <w:rFonts w:ascii="Courier New" w:hAnsi="Courier New" w:cs="Courier New"/>
        </w:rPr>
        <w:t>60\lin2160 }{\listlevel\levelnfc0\levelnfcn0\leveljc0\leveljcn0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79\'02\'03.;}{\levelnumbers\'01;}\rtlch\fcs1 \af0 \ltrch\fcs0 \fi-360\li2880\lin2880 }{\listl</w:t>
      </w:r>
      <w:r w:rsidRPr="00651F56">
        <w:rPr>
          <w:rFonts w:ascii="Courier New" w:hAnsi="Courier New" w:cs="Courier New"/>
        </w:rPr>
        <w:t>evel\levelnfc4\levelnfcn4\leveljc0\leveljcn0\levelfollow0\levelstartat1\lvltentative\levelspa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68747289\'02\'04.;}{\levelnumbers\'01;}\rtlch\fcs1 \af0 \ltrch\fcs0 \fi-360\li3600\lin3600 }{\listlevel\levelnfc2\leve</w:t>
      </w:r>
      <w:r w:rsidRPr="00651F56">
        <w:rPr>
          <w:rFonts w:ascii="Courier New" w:hAnsi="Courier New" w:cs="Courier New"/>
        </w:rPr>
        <w:t>lnfcn2\le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5.;}{\levelnumbers\'01;}\rtlch\fcs1 \af0 \ltrch\fcs0 \fi-180\li4320\lin4320 }{\listlevel\levelnfc0\levelnfcn0\leveljc0\lev</w:t>
      </w:r>
      <w:r w:rsidRPr="00651F56">
        <w:rPr>
          <w:rFonts w:ascii="Courier New" w:hAnsi="Courier New" w:cs="Courier New"/>
        </w:rPr>
        <w:t>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79\'02\'06.;}{\levelnumbers\'01;}\rtlch\fcs1 \af0 \ltrch\fcs0 \fi-360\li5040\lin5040 }{\listlevel\levelnfc4\levelnfcn4\leveljc0\leveljcn0\levelfollow0</w:t>
      </w:r>
      <w:r w:rsidRPr="00651F56">
        <w:rPr>
          <w:rFonts w:ascii="Courier New" w:hAnsi="Courier New" w:cs="Courier New"/>
        </w:rPr>
        <w:t>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89\'02\'07.;}{\levelnumbers\'01;}\rtlch\fcs1 \af0 \ltrch\fcs0 \fi-360\li5760\lin5760 }{\listlevel\levelnfc2\levelnfcn2\leveljc2\leveljcn2\levelfollow0\levelstartat1\lvlt</w:t>
      </w:r>
      <w:r w:rsidRPr="00651F56">
        <w:rPr>
          <w:rFonts w:ascii="Courier New" w:hAnsi="Courier New" w:cs="Courier New"/>
        </w:rPr>
        <w:t>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8.;}{\levelnumbers\'01;}\rtlch\fcs1 \af0 \ltrch\fcs0 \fi-180\li6480\lin6480 }{\listname ;}\listid780879535}{\list\listtemplateid2104154734\listhybrid{\listlevel\levelnfc0\levelnfc</w:t>
      </w:r>
      <w:r w:rsidRPr="00651F56">
        <w:rPr>
          <w:rFonts w:ascii="Courier New" w:hAnsi="Courier New" w:cs="Courier New"/>
        </w:rPr>
        <w:t>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evelspace0\levelindent0{\leveltext\leveltemplateid1700969022\'02\'00.;}{\levelnumbers\'01;}\rtlch\fcs1 \af0 \ltrch\fcs0 \fs20\cf1\fbias0 \fi-360\li1080\lin1080 }{\listlevel\levelnfc4\levelnfcn4\leveljc0\l</w:t>
      </w:r>
      <w:r w:rsidRPr="00651F56">
        <w:rPr>
          <w:rFonts w:ascii="Courier New" w:hAnsi="Courier New" w:cs="Courier New"/>
        </w:rPr>
        <w:t>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0\levelindent0{\leveltext\leveltemplateid68747289\'02\'01.;}{\levelnumbers\'01;}\rtlch\fcs1 \af0 \ltrch\fcs0 \fi-360\li1800\lin1800 }{\listlevel\levelnfc2\levelnfcn2\leveljc2\leveljcn2\levelfollo</w:t>
      </w:r>
      <w:r w:rsidRPr="00651F56">
        <w:rPr>
          <w:rFonts w:ascii="Courier New" w:hAnsi="Courier New" w:cs="Courier New"/>
        </w:rPr>
        <w:t>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68747291\'02\'02.;}{\levelnumbers\'01;}\rtlch\fcs1 \af0 \ltrch\fcs0 \fi-180\li2520\lin2520 }{\listlevel\levelnfc0\levelnfcn0\leveljc0\leveljcn0\levelfollow0\levelstartat1\lv</w:t>
      </w:r>
      <w:r w:rsidRPr="00651F56">
        <w:rPr>
          <w:rFonts w:ascii="Courier New" w:hAnsi="Courier New" w:cs="Courier New"/>
        </w:rPr>
        <w:t>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79\'02\'03.;}{\levelnumbers\'01;}\rtlch\fcs1 \af0 \ltrch\fcs0 \fi-360\li3240\lin3240 }{\listlevel\levelnfc4\levelnfcn4\leveljc0\leveljcn0\levelfollow0\levelstartat1\lvltentative\levelspa</w:t>
      </w:r>
      <w:r w:rsidRPr="00651F56">
        <w:rPr>
          <w:rFonts w:ascii="Courier New" w:hAnsi="Courier New" w:cs="Courier New"/>
        </w:rPr>
        <w:t>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68747289\'02\'04.;}{\levelnumbers\'01;}\rtlch\fcs1 \af0 \ltrch\fcs0 \fi-360\li3960\lin3960 }{\listlevel\levelnfc2\levelnfcn2\leveljc2\leveljcn2\levelfollow0\levelstartat1\lvltentative\levelspace0\levelindent0{\l</w:t>
      </w:r>
      <w:r w:rsidRPr="00651F56">
        <w:rPr>
          <w:rFonts w:ascii="Courier New" w:hAnsi="Courier New" w:cs="Courier New"/>
        </w:rPr>
        <w:t>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5.;}{\levelnumbers\'01;}\rtlch\fcs1 \af0 \ltrch\fcs0 \fi-180\li4680\lin4680 }{\listlevel\levelnfc0\levelnfcn0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</w:t>
      </w:r>
      <w:r w:rsidRPr="00651F56">
        <w:rPr>
          <w:rFonts w:ascii="Courier New" w:hAnsi="Courier New" w:cs="Courier New"/>
        </w:rPr>
        <w:t>plateid68747279\'02\'06.;}{\levelnumbers\'01;}\rtlch\fcs1 \af0 \ltrch\fcs0 \fi-360\li5400\lin5400 }{\listlevel\levelnfc4\levelnfcn4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89\'02</w:t>
      </w:r>
      <w:r w:rsidRPr="00651F56">
        <w:rPr>
          <w:rFonts w:ascii="Courier New" w:hAnsi="Courier New" w:cs="Courier New"/>
        </w:rPr>
        <w:t>\'07.;}{\levelnumbers\'01;}\rtlch\fcs1 \af0 \ltrch\fcs0 \fi-360\li6120\lin6120 }{\listlevel\levelnfc2\levelnfcn2\le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8.;}{\levelnumbe</w:t>
      </w:r>
      <w:r w:rsidRPr="00651F56">
        <w:rPr>
          <w:rFonts w:ascii="Courier New" w:hAnsi="Courier New" w:cs="Courier New"/>
        </w:rPr>
        <w:t>rs\'01;}\rtlch\fcs1 \af0 \ltrch\fcs0 \fi-180\li6840\lin6840 }{\listname ;}\listid856576716}{\list\listtemplateid1794955006\listhybrid{\listlevel\levelnfc23\levelnfcn23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evelspace2600\levelindent0{\leveltext\'</w:t>
      </w:r>
      <w:r w:rsidRPr="00651F56">
        <w:rPr>
          <w:rFonts w:ascii="Courier New" w:hAnsi="Courier New" w:cs="Courier New"/>
        </w:rPr>
        <w:t>01{\uc1\u-4051 ?};}{\levelnumbers;}\f3\cf0\fbias0\ulc0 \fi-360\li360\jclisttab\tx360\lin360 }{\listlevel\levelnfc23\levelnfcn23\leveljc0\leveljcn0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2600\levelindent0{\leveltext\'01o;}{\levelnumbers;}\f2\fb</w:t>
      </w:r>
      <w:r w:rsidRPr="00651F56">
        <w:rPr>
          <w:rFonts w:ascii="Courier New" w:hAnsi="Courier New" w:cs="Courier New"/>
        </w:rPr>
        <w:t>ias0 \fi-360\li-1160\jclisttab\tx-1160\lin-1160 }{\listlevel\levelnfc23\levelnfcn23\leveljc0\leveljcn0\levelfollow0\levelstartat1\lvltentative\levelspace260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29 ?};}{\levelnumbers;}\f10\fbias0 \fi-360\li-440\jclisttab</w:t>
      </w:r>
      <w:r w:rsidRPr="00651F56">
        <w:rPr>
          <w:rFonts w:ascii="Courier New" w:hAnsi="Courier New" w:cs="Courier New"/>
        </w:rPr>
        <w:t>\tx-440\lin-440 }{\listlevel\levelnfc23\levelnfcn23\leveljc0\leveljcn0\levelfollow0\levelstartat1\lvltentative\levelspace260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13 ?};}{\levelnumbers;}\f3\fbias0 \fi-360\li280\jclisttab\tx280\lin280 }{\listlevel\levelnf</w:t>
      </w:r>
      <w:r w:rsidRPr="00651F56">
        <w:rPr>
          <w:rFonts w:ascii="Courier New" w:hAnsi="Courier New" w:cs="Courier New"/>
        </w:rPr>
        <w:t xml:space="preserve">c23\levelnfcn23\leveljc0\leveljcn0\levelfollow0\levelstartat1\lvltentative\levelspace2600\levelindent0{\leveltext\'01o;}{\levelnumbers;}\f2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1000\jclisttab\tx1000\lin1000 }{\listlevel\levelnfc23\levelnfcn23\leveljc0\leveljcn0\levelfollow0</w:t>
      </w:r>
      <w:r w:rsidRPr="00651F56">
        <w:rPr>
          <w:rFonts w:ascii="Courier New" w:hAnsi="Courier New" w:cs="Courier New"/>
        </w:rPr>
        <w:t>\levelstartat1\lvltentative\levelspace2600\levelindent0{\leveltext\'01{\uc1\u-3929 ?};}{\levelnumbers;}\f10\fbias0 \fi-360\li172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1720\lin1720 }{\listlevel\levelnfc23\levelnfcn23\leveljc0\leveljcn0\levelfollow0\levelstartat1\lvltentative\leve</w:t>
      </w:r>
      <w:r w:rsidRPr="00651F56">
        <w:rPr>
          <w:rFonts w:ascii="Courier New" w:hAnsi="Courier New" w:cs="Courier New"/>
        </w:rPr>
        <w:t>lspace2600\levelindent0{\leveltext\'01{\uc1\u-3913 ?};}{\levelnumbers;}\f3\fbias0 \fi-360\li2440\jclisttab\tx2440\lin2440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lnfcn23\leveljc0\leveljcn0\levelfollow0\levelstartat1\lvltentative\levelspace2600\levelindent0{\leveltex</w:t>
      </w:r>
      <w:r w:rsidRPr="00651F56">
        <w:rPr>
          <w:rFonts w:ascii="Courier New" w:hAnsi="Courier New" w:cs="Courier New"/>
        </w:rPr>
        <w:t>t\'01o;}{\levelnumbers;}\f2\fbias0 \fi-360\li3160\jclisttab\tx3160\lin3160 }{\listlevel\levelnfc23\levelnfcn23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2600\levelindent0{\leveltext\'01{\uc1\u-3929 ?};}{\levelnumbers;}\f10\fbia</w:t>
      </w:r>
      <w:r w:rsidRPr="00651F56">
        <w:rPr>
          <w:rFonts w:ascii="Courier New" w:hAnsi="Courier New" w:cs="Courier New"/>
        </w:rPr>
        <w:t>s0 \fi-360\li3880\jclisttab\tx3880\lin3880 }{\listname ;}\listid877623024}{\list\listtemplateid990001250\listhybri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0\levelnfcn0\leveljc0\leveljcn0\levelfollow0\levelstartat1\levelspace0\levelindent0{\leveltext\leveltemplateid-17329006</w:t>
      </w:r>
      <w:r w:rsidRPr="00651F56">
        <w:rPr>
          <w:rFonts w:ascii="Courier New" w:hAnsi="Courier New" w:cs="Courier New"/>
        </w:rPr>
        <w:t>72\'02\'00.;}{\levelnumbers\'01;}\rtlch\fcs1 \af0 \ltrch\fcs0 \loch\af0\hich\af0\dbch\af0 \fi-360\li786\lin786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4\levelnfcn4\leveljc0\leveljcn0\levelfollow0\levelstartat1\lvltentative\levelspace0\levelindent0{\leveltext\leveltemplatei</w:t>
      </w:r>
      <w:r w:rsidRPr="00651F56">
        <w:rPr>
          <w:rFonts w:ascii="Courier New" w:hAnsi="Courier New" w:cs="Courier New"/>
        </w:rPr>
        <w:t>d68747289\'02\'01.;}{\levelnumbers\'01;}\rtlch\fcs1 \af0 \ltrch\fcs0 \fi-360\li1506\lin1506 }{\listlevel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2\levelnfcn2\leveljc2\leveljcn2\levelfollow0\levelstartat1\lvltentative\levelspace0\levelindent0{\leveltext\leveltemplateid68747291\'02\'02.;</w:t>
      </w:r>
      <w:r w:rsidRPr="00651F56">
        <w:rPr>
          <w:rFonts w:ascii="Courier New" w:hAnsi="Courier New" w:cs="Courier New"/>
        </w:rPr>
        <w:t>}{\levelnumbers\'01;}\rtlch\fcs1 \af0 \ltrch\fcs0 \fi-180\li2226\lin2226 }{\listlevel\levelnf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n0\leveljc0\leveljcn0\levelfollow0\levelstartat1\lvltentative\levelspace0\levelindent0{\leveltext\leveltemplateid68747279\'02\'03.;}{\levelnumbers\'01</w:t>
      </w:r>
      <w:r w:rsidRPr="00651F56">
        <w:rPr>
          <w:rFonts w:ascii="Courier New" w:hAnsi="Courier New" w:cs="Courier New"/>
        </w:rPr>
        <w:t>;}\rtlch\fcs1 \af0 \ltrch\fcs0 \fi-360\li2946\lin2946 }{\listlevel\levelnfc4\levelnfcn4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eveljcn0\levelfollow0\levelstartat1\lvltentative\levelspace0\levelindent0{\leveltext\leveltemplateid68747289\'02\'04.;}{\levelnumbers\'01;}\rtlch\fcs1 \af0 </w:t>
      </w:r>
      <w:r w:rsidRPr="00651F56">
        <w:rPr>
          <w:rFonts w:ascii="Courier New" w:hAnsi="Courier New" w:cs="Courier New"/>
        </w:rPr>
        <w:t>\ltrch\fcs0 \fi-360\li3666\lin3666 }{\listlevel\levelnfc2\levelnfcn2\leveljc2\leveljcn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follow0\levelstartat1\lvltentative\levelspace0\levelindent0{\leveltext\leveltemplateid68747291\'02\'05.;}{\levelnumbers\'01;}\rtlch\fcs1 \af0 \ltrch\fcs0 \fi-180</w:t>
      </w:r>
      <w:r w:rsidRPr="00651F56">
        <w:rPr>
          <w:rFonts w:ascii="Courier New" w:hAnsi="Courier New" w:cs="Courier New"/>
        </w:rPr>
        <w:t>\li4386\lin4386 }{\listlevel\levelnfc0\levelnfc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47279\'02\'06.;}{\levelnumbers\'01;}\rtlch\fcs1 \af0 \ltrch\fcs0 \fi-360\li5106\lin5106 }{\</w:t>
      </w:r>
      <w:r w:rsidRPr="00651F56">
        <w:rPr>
          <w:rFonts w:ascii="Courier New" w:hAnsi="Courier New" w:cs="Courier New"/>
        </w:rPr>
        <w:t>listlevel\levelnfc4\levelnfcn4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0\levelindent0{\leveltext\leveltemplateid68747289\'02\'07.;}{\levelnumbers\'01;}\rtlch\fcs1 \af0 \ltrch\fcs0 \fi-360\li5826\lin5826 }{\listlevel\levelnfc2</w:t>
      </w:r>
      <w:r w:rsidRPr="00651F56">
        <w:rPr>
          <w:rFonts w:ascii="Courier New" w:hAnsi="Courier New" w:cs="Courier New"/>
        </w:rPr>
        <w:t>\levelnfcn2\leveljc2\leveljcn2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68747291\'02\'08.;}{\levelnumbers\'01;}\rtlch\fcs1 \af0 \ltrch\fcs0 \fi-180\li6546\lin6546 }{\listname ;}\listid917397178}{\list\lis</w:t>
      </w:r>
      <w:r w:rsidRPr="00651F56">
        <w:rPr>
          <w:rFonts w:ascii="Courier New" w:hAnsi="Courier New" w:cs="Courier New"/>
        </w:rPr>
        <w:t>ttemplateid-956400372\listhybrid{\listlevel\levelnfc23\levelnfcn2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0\leveljcn0\levelfollow0\levelstartat1\levelspace360\levelindent0{\leveltext\leveltemplateid68747265\'01{\uc1\u-3913 ?};}{\levelnumbers;}\f3\fbias0 \fi-360\li644\lin644 }{\listleve</w:t>
      </w:r>
      <w:r w:rsidRPr="00651F56">
        <w:rPr>
          <w:rFonts w:ascii="Courier New" w:hAnsi="Courier New" w:cs="Courier New"/>
        </w:rPr>
        <w:t>l\levelnfc23\levelnfcn23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47267\'01o;}{\levelnumbers;}\f2\fbias0 \fi-360\li2160\lin2160 }{\listlevel\levelnfc23\levelnfcn23\leveljc0\leveljcn0</w:t>
      </w:r>
      <w:r w:rsidRPr="00651F56">
        <w:rPr>
          <w:rFonts w:ascii="Courier New" w:hAnsi="Courier New" w:cs="Courier New"/>
        </w:rPr>
        <w:t>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69\'01{\uc1\u-3929 ?};}{\levelnumbers;}\f10\fbias0 \fi-360\li2880\lin2880 }{\listlevel\levelnfc23\levelnfcn23\leveljc0\leveljcn0\levelfollow0\levelstartat1\</w:t>
      </w:r>
      <w:r w:rsidRPr="00651F56">
        <w:rPr>
          <w:rFonts w:ascii="Courier New" w:hAnsi="Courier New" w:cs="Courier New"/>
        </w:rPr>
        <w:t>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5\'01{\uc1\u-3913 ?};}{\levelnumbers;}\f3\fbias0 \fi-360\li3600\lin3600 }{\listlevel\levelnfc23\levelnfcn23\leveljc0\leveljcn0\levelfollow0\levelstartat1\lvltentative\levelspace0\leve</w:t>
      </w:r>
      <w:r w:rsidRPr="00651F56">
        <w:rPr>
          <w:rFonts w:ascii="Courier New" w:hAnsi="Courier New" w:cs="Courier New"/>
        </w:rPr>
        <w:t>lindent0{\leveltext\leveltemplateid6874726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o;}{\levelnumbers;}\f2\fbias0 \fi-360\li4320\lin4320 }{\listlevel\levelnfc23\levelnfcn23\leveljc0\leveljcn0\levelfollow0\levelstartat1\lvltentative\levelspace0\levelindent0{\leveltext\leveltemplateid68747269</w:t>
      </w:r>
      <w:r w:rsidRPr="00651F56">
        <w:rPr>
          <w:rFonts w:ascii="Courier New" w:hAnsi="Courier New" w:cs="Courier New"/>
        </w:rPr>
        <w:t>\'01{\uc1\u-3929 ?}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10\fbias0 \fi-360\li5040\lin5040 }{\listlevel\levelnfc23\levelnfcn23\leveljc0\leveljcn0\levelfollow0\levelstartat1\lvltentative\levelspace0\levelindent0{\leveltext\leveltemplateid68747265\'01{\uc1\u-3913 ?};}{\level</w:t>
      </w:r>
      <w:r w:rsidRPr="00651F56">
        <w:rPr>
          <w:rFonts w:ascii="Courier New" w:hAnsi="Courier New" w:cs="Courier New"/>
        </w:rPr>
        <w:t xml:space="preserve">numbers;}\f3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i-360\li5760\lin5760 }{\listlevel\levelnfc23\levelnfcn23\leveljc0\leveljcn0\levelfollow0\levelstartat1\lvltentative\levelspace0\levelindent0{\leveltext\leveltemplateid68747267\'01o;}{\levelnumbers;}\f2\fbias0 \fi-360\li6480\lin6480 </w:t>
      </w:r>
      <w:r w:rsidRPr="00651F56">
        <w:rPr>
          <w:rFonts w:ascii="Courier New" w:hAnsi="Courier New" w:cs="Courier New"/>
        </w:rPr>
        <w:t>}{\listlevel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23\levelnfcn23\leveljc0\leveljcn0\levelfollow0\levelstartat1\lvltentative\levelspace0\levelindent0{\leveltext\leveltemplateid68747269\'01{\uc1\u-3929 ?};}{\levelnumbers;}\f10\fbias0 \fi-360\li7200\lin7200 }{\listname ;}\listid9339757</w:t>
      </w:r>
      <w:r w:rsidRPr="00651F56">
        <w:rPr>
          <w:rFonts w:ascii="Courier New" w:hAnsi="Courier New" w:cs="Courier New"/>
        </w:rPr>
        <w:t>13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\listtemplateid-1{\listlevel\levelnfc0\levelnfcn0\leveljc0\leveljcn0\levelfollow0\levelstartat1\levelspace0\levelindent0{\leveltext\'02\'00.;}{\levelnumbers\'01;}\rtlch\fcs1 \af0 \ltrch\fcs0 \fi-720\li720\jclisttab\tx720\lin720 }{\listlevel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</w:t>
      </w:r>
      <w:r w:rsidRPr="00651F56">
        <w:rPr>
          <w:rFonts w:ascii="Courier New" w:hAnsi="Courier New" w:cs="Courier New"/>
        </w:rPr>
        <w:t>velnfc0\levelnfcn0\leveljc0\leveljcn0\levelfollow0\levelstartat1\levelspace0\levelindent0{\leveltext\'02\'01.;}{\levelnumbers\'01;}\rtlch\fcs1 \af0 \ltrch\fcs0 \fi-720\li1440\jclisttab\tx1440\lin1440 }{\listlevel\levelnfc0\levelnfcn0\leveljc0\leveljcn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</w:t>
      </w:r>
      <w:r w:rsidRPr="00651F56">
        <w:rPr>
          <w:rFonts w:ascii="Courier New" w:hAnsi="Courier New" w:cs="Courier New"/>
        </w:rPr>
        <w:t>evelfollow0\levelstartat1\levelspace0\levelindent0{\leveltext\'02\'02.;}{\levelnumbers\'01;}\rtlch\fcs1 \af0 \ltrch\fcs0 \fi-720\li2160\jclisttab\tx2160\lin2160 }{\listlevel\levelnfc0\levelnfcn0\leveljc0\leveljcn0\levelfollow0\levelstartat1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</w:t>
      </w:r>
      <w:r w:rsidRPr="00651F56">
        <w:rPr>
          <w:rFonts w:ascii="Courier New" w:hAnsi="Courier New" w:cs="Courier New"/>
        </w:rPr>
        <w:t>evelindent0{\leveltext\'02\'03.;}{\levelnumbers\'01;}\rtlch\fcs1 \af0 \ltrch\fcs0 \fi-720\li2880\jclisttab\tx2880\lin2880 }{\listlevel\levelnfc0\levelnfcn0\leveljc0\leveljcn0\levelfollow0\levelstartat1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4.;}{\leve</w:t>
      </w:r>
      <w:r w:rsidRPr="00651F56">
        <w:rPr>
          <w:rFonts w:ascii="Courier New" w:hAnsi="Courier New" w:cs="Courier New"/>
        </w:rPr>
        <w:t>lnumbers\'01;}\rtlch\fcs1 \af0 \ltrch\fcs0 \fi-720\li3600\jclisttab\tx3600\lin3600 }{\listlevel\levelnfc0\levelnfcn0\leveljc0\leveljcn0\levelfollow0\levelstartat1\levelspace0\levelindent0{\leveltext\'02\'05.;}{\levelnumbers\'01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 \ltrch\f</w:t>
      </w:r>
      <w:r w:rsidRPr="00651F56">
        <w:rPr>
          <w:rFonts w:ascii="Courier New" w:hAnsi="Courier New" w:cs="Courier New"/>
        </w:rPr>
        <w:t xml:space="preserve">cs0 \fi-720\li4320\jclisttab\tx4320\lin4320 }{\listlevel\levelnfc0\levelnfcn0\leveljc0\leveljcn0\levelfollow0\levelstartat1\levelspace0\levelindent0{\leveltext\'02\'06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720\li5040\jclisttab\tx5040\lin</w:t>
      </w:r>
      <w:r w:rsidRPr="00651F56">
        <w:rPr>
          <w:rFonts w:ascii="Courier New" w:hAnsi="Courier New" w:cs="Courier New"/>
        </w:rPr>
        <w:t xml:space="preserve">5040 }{\listlevel\levelnfc0\levelnfcn0\leveljc0\leveljcn0\levelfollow0\levelstartat1\levelspace0\levelindent0{\leveltext\'02\'07.;}{\levelnumbers\'01;}\rtlch\fcs1 \af0 \ltrch\fcs0 \fi-720\li5760\jclisttab\tx5760\lin576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}{\listlevel\levelnfc0\levelnfcn0\</w:t>
      </w:r>
      <w:r w:rsidRPr="00651F56">
        <w:rPr>
          <w:rFonts w:ascii="Courier New" w:hAnsi="Courier New" w:cs="Courier New"/>
        </w:rPr>
        <w:t>leveljc0\leveljcn0\levelfollow0\levelstartat1\levelspace0\levelindent0{\leveltext\'02\'08.;}{\levelnumbers\'01;}\rtlch\fcs1 \af0 \ltrch\fcs0 \fi-720\li6480\jclisttab\tx6480\lin6480 }{\listname ;}\listid1109665100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\listtemplateid-1796435568\listhybr</w:t>
      </w:r>
      <w:r w:rsidRPr="00651F56">
        <w:rPr>
          <w:rFonts w:ascii="Courier New" w:hAnsi="Courier New" w:cs="Courier New"/>
        </w:rPr>
        <w:t xml:space="preserve">id{\listlevel\levelnfc23\levelnfcn23\leveljc0\leveljcn0\levelfollow0\levelstartat1\levelspace360\levelindent0{\leveltext\leveltemplateid68747277\'01{\uc1\u-3844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1287\lin1287 }{\listlevel\levelnfc23\levelnfcn23\le</w:t>
      </w:r>
      <w:r w:rsidRPr="00651F56">
        <w:rPr>
          <w:rFonts w:ascii="Courier New" w:hAnsi="Courier New" w:cs="Courier New"/>
        </w:rPr>
        <w:t>veljc0\leveljcn0\levelfollow0\levelstartat1\lvltentative\levelspace360\levelindent0{\leveltext\leveltemplateid68747267\'01o;}{\levelnumbers;}\f2\fbias0 \fi-360\li2007\lin2007 }{\listlevel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23\levelnfcn23\leveljc0\leveljcn0\levelfollow0\levelstarta</w:t>
      </w:r>
      <w:r w:rsidRPr="00651F56">
        <w:rPr>
          <w:rFonts w:ascii="Courier New" w:hAnsi="Courier New" w:cs="Courier New"/>
        </w:rPr>
        <w:t>t1\lvltentative\levelspace360\levelindent0{\leveltext\leveltemplateid68747269\'01{\uc1\u-3929 ?};}{\levelnumbers;}\f10\fbias0 \fi-360\li2727\lin2727 }{\listlevel\levelnfc23\levelnfcn2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0\leveljcn0\levelfollow0\levelstartat1\lvltentative\levelspace</w:t>
      </w:r>
      <w:r w:rsidRPr="00651F56">
        <w:rPr>
          <w:rFonts w:ascii="Courier New" w:hAnsi="Courier New" w:cs="Courier New"/>
        </w:rPr>
        <w:t>360\levelindent0{\leveltext\leveltemplateid68747265\'01{\uc1\u-3913 ?};}{\levelnumbers;}\f3\fbias0 \fi-360\li3447\lin3447 }{\listlevel\levelnfc23\levelnfcn23\leveljc0\leveljcn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follow0\levelstartat1\lvltentative\levelspace360\levelindent0{\leveltext</w:t>
      </w:r>
      <w:r w:rsidRPr="00651F56">
        <w:rPr>
          <w:rFonts w:ascii="Courier New" w:hAnsi="Courier New" w:cs="Courier New"/>
        </w:rPr>
        <w:t>\leveltemplateid68747267\'01o;}{\levelnumbers;}\f2\fbias0 \fi-360\li4167\lin4167 }{\listlevel\levelnfc23\levelnfcn23\leveljc0\leveljcn0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evelspace360\levelindent0{\leveltext\leveltemplateid68747269\'01{\uc1\u-3929 </w:t>
      </w:r>
      <w:r w:rsidRPr="00651F56">
        <w:rPr>
          <w:rFonts w:ascii="Courier New" w:hAnsi="Courier New" w:cs="Courier New"/>
        </w:rPr>
        <w:t>?};}{\levelnumbers;}\f10\fbias0 \fi-360\li4887\lin4887 }{\listlevel\levelnfc23\levelnfcn23\leveljc0\leveljcn0\levelfollow0\levelstartat1\lvltentative\levelspace36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68747265\'01{\uc1\u-3913 ?};}{\levelnumbers;}\f3\fb</w:t>
      </w:r>
      <w:r w:rsidRPr="00651F56">
        <w:rPr>
          <w:rFonts w:ascii="Courier New" w:hAnsi="Courier New" w:cs="Courier New"/>
        </w:rPr>
        <w:t>ias0 \fi-360\li5607\lin5607 }{\listlevel\levelnfc23\levelnfcn23\leveljc0\leveljcn0\levelfollow0\levelstartat1\lvltentative\levelspace36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7\'01o;}{\levelnumbers;}\f2\fbias0 \fi-360\li6327\lin6327 }{\listlevel\</w:t>
      </w:r>
      <w:r w:rsidRPr="00651F56">
        <w:rPr>
          <w:rFonts w:ascii="Courier New" w:hAnsi="Courier New" w:cs="Courier New"/>
        </w:rPr>
        <w:t>levelnfc23\levelnfcn23\leveljc0\leveljcn0\levelfollow0\levelstartat1\lvltentative\levelspace360\levelindent0{\leveltext\leveltemplateid6874726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29 ?};}{\levelnumbers;}\f10\fbias0 \fi-360\li7047\lin7047 }{\listname ;}\listid1167478957}{\list\</w:t>
      </w:r>
      <w:r w:rsidRPr="00651F56">
        <w:rPr>
          <w:rFonts w:ascii="Courier New" w:hAnsi="Courier New" w:cs="Courier New"/>
        </w:rPr>
        <w:t>listtemplateid475037122\listhybrid{\listlevel\levelnfc0\levelnfcn0\leveljc0\leveljcn0\levelfollow0\levelstartat1\levelspa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-59082716\'02\'00.;}{\levelnumbers\'01;}\rtlch\fcs1 \af0\afs24 \ltrch\fcs0 \fs24\fbias0 \f</w:t>
      </w:r>
      <w:r w:rsidRPr="00651F56">
        <w:rPr>
          <w:rFonts w:ascii="Courier New" w:hAnsi="Courier New" w:cs="Courier New"/>
        </w:rPr>
        <w:t>i-360\li720\lin720 }{\listlevel\levelnfc4\levelnfcn4\leveljc0\leveljcn0\levelfollow0\levelstartat1\lvltentative\levelspa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{\leveltext\leveltemplateid68747289\'02\'01.;}{\levelnumbers\'01;}\rtlch\fcs1 \af0 \ltrch\fcs0 \fi-360\li1440\lin1440 </w:t>
      </w:r>
      <w:r w:rsidRPr="00651F56">
        <w:rPr>
          <w:rFonts w:ascii="Courier New" w:hAnsi="Courier New" w:cs="Courier New"/>
        </w:rPr>
        <w:t>}{\listlevel\levelnfc2\levelnfcn2\le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2.;}{\levelnumbers\'01;}\rtlch\fcs1 \af0 \ltrch\fcs0 \fi-180\li2160\lin2160 }{\listlevel\leveln</w:t>
      </w:r>
      <w:r w:rsidRPr="00651F56">
        <w:rPr>
          <w:rFonts w:ascii="Courier New" w:hAnsi="Courier New" w:cs="Courier New"/>
        </w:rPr>
        <w:t>fc0\levelnfcn0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79\'02\'03.;}{\levelnumbers\'01;}\rtlch\fcs1 \af0 \ltrch\fcs0 \fi-360\li2880\lin2880 }{\listlevel\levelnfc4\levelnfcn4\leve</w:t>
      </w:r>
      <w:r w:rsidRPr="00651F56">
        <w:rPr>
          <w:rFonts w:ascii="Courier New" w:hAnsi="Courier New" w:cs="Courier New"/>
        </w:rPr>
        <w:t>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89\'02\'04.;}{\levelnumbers\'01;}\rtlch\fcs1 \af0 \ltrch\fcs0 \fi-360\li3600\lin3600 }{\listlevel\levelnfc2\levelnfcn2\leveljc2\leveljcn2\leve</w:t>
      </w:r>
      <w:r w:rsidRPr="00651F56">
        <w:rPr>
          <w:rFonts w:ascii="Courier New" w:hAnsi="Courier New" w:cs="Courier New"/>
        </w:rPr>
        <w:t>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5.;}{\levelnumbers\'01;}\rtlch\fcs1 \af0 \ltrch\fcs0 \fi-180\li4320\lin4320 }{\listlevel\levelnfc0\levelnfcn0\leveljc0\leveljcn0\levelfollow0\levelstart</w:t>
      </w:r>
      <w:r w:rsidRPr="00651F56">
        <w:rPr>
          <w:rFonts w:ascii="Courier New" w:hAnsi="Courier New" w:cs="Courier New"/>
        </w:rPr>
        <w:t>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79\'02\'06.;}{\levelnumbers\'01;}\rtlch\fcs1 \af0 \ltrch\fcs0 \fi-360\li5040\lin5040 }{\listlevel\levelnfc4\levelnfcn4\leveljc0\leveljcn0\levelfollow0\levelstartat1\lvltentative\le</w:t>
      </w:r>
      <w:r w:rsidRPr="00651F56">
        <w:rPr>
          <w:rFonts w:ascii="Courier New" w:hAnsi="Courier New" w:cs="Courier New"/>
        </w:rPr>
        <w:t>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89\'02\'07.;}{\levelnumbers\'01;}\rtlch\fcs1 \af0 \ltrch\fcs0 \fi-360\li5760\lin5760 }{\listlevel\levelnfc2\levelnfcn2\leveljc2\leveljcn2\levelfollow0\levelstartat1\lvltentative\levelspace0\levelinde</w:t>
      </w:r>
      <w:r w:rsidRPr="00651F56">
        <w:rPr>
          <w:rFonts w:ascii="Courier New" w:hAnsi="Courier New" w:cs="Courier New"/>
        </w:rPr>
        <w:t>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8.;}{\levelnumbers\'01;}\rtlch\fcs1 \af0 \ltrch\fcs0 \fi-180\li6480\lin6480 }{\listname ;}\listid1201015302}{\list\listtemplateid1406188502\listhybrid{\listlevel\levelnfc0\levelnfcn0\leveljc0\leveljcn0\levelfo</w:t>
      </w:r>
      <w:r w:rsidRPr="00651F56">
        <w:rPr>
          <w:rFonts w:ascii="Courier New" w:hAnsi="Courier New" w:cs="Courier New"/>
        </w:rPr>
        <w:t>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evelspace0\levelindent0{\leveltext\leveltemplateid68747279\'02\'00.;}{\levelnumbers\'01;}\rtlch\fcs1 \af0 \ltrch\fcs0 \fi-360\li1004\lin1004 }{\listlevel\levelnfc4\levelnfcn4\leveljc0\leveljcn0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68747289\'02\'01.;}{\levelnumbers\'01;}\rtlch\fcs1 \af0 \ltrch\fcs0 \fi-360\li1724\lin1724 }{\listlevel\levelnfc2\levelnfcn2\leveljc2\leveljcn2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</w:t>
      </w:r>
      <w:r w:rsidRPr="00651F56">
        <w:rPr>
          <w:rFonts w:ascii="Courier New" w:hAnsi="Courier New" w:cs="Courier New"/>
        </w:rPr>
        <w:t>lindent0{\leveltext\leveltemplateid68747291\'02\'02.;}{\levelnumbers\'01;}\rtlch\fcs1 \af0 \ltrch\fcs0 \fi-180\li2444\lin2444 }{\listlevel\levelnfc0\levelnfcn0\leveljc0\leveljcn0\levelfollow0\levelstartat1\lvltentative\levelspa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</w:t>
      </w:r>
      <w:r w:rsidRPr="00651F56">
        <w:rPr>
          <w:rFonts w:ascii="Courier New" w:hAnsi="Courier New" w:cs="Courier New"/>
        </w:rPr>
        <w:t>\leveltemplateid68747279\'02\'03.;}{\levelnumbers\'01;}\rtlch\fcs1 \af0 \ltrch\fcs0 \fi-360\li3164\lin3164 }{\listlevel\levelnfc4\levelnfcn4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</w:t>
      </w:r>
      <w:r w:rsidRPr="00651F56">
        <w:rPr>
          <w:rFonts w:ascii="Courier New" w:hAnsi="Courier New" w:cs="Courier New"/>
        </w:rPr>
        <w:t>47289\'02\'04.;}{\levelnumbers\'01;}\rtlch\fcs1 \af0 \ltrch\fcs0 \fi-360\li3884\lin3884 }{\listlevel\levelnfc2\levelnfcn2\le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5.;}{\l</w:t>
      </w:r>
      <w:r w:rsidRPr="00651F56">
        <w:rPr>
          <w:rFonts w:ascii="Courier New" w:hAnsi="Courier New" w:cs="Courier New"/>
        </w:rPr>
        <w:t>evelnumbers\'01;}\rtlch\fcs1 \af0 \ltrch\fcs0 \fi-180\li4604\lin4604 }{\listlevel\levelnfc0\levelnfcn0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79\'02\'06.;}{\levelnumbers\'01;}\r</w:t>
      </w:r>
      <w:r w:rsidRPr="00651F56">
        <w:rPr>
          <w:rFonts w:ascii="Courier New" w:hAnsi="Courier New" w:cs="Courier New"/>
        </w:rPr>
        <w:t>tlch\fcs1 \af0 \ltrch\fcs0 \fi-360\li5324\lin5324 }{\listlevel\levelnfc4\levelnfcn4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89\'02\'07.;}{\levelnumbers\'01;}\rtlch\fcs1 \af0 \ltr</w:t>
      </w:r>
      <w:r w:rsidRPr="00651F56">
        <w:rPr>
          <w:rFonts w:ascii="Courier New" w:hAnsi="Courier New" w:cs="Courier New"/>
        </w:rPr>
        <w:t>ch\fcs0 \fi-360\li6044\lin6044 }{\listlevel\levelnfc2\levelnfcn2\le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8.;}{\levelnumbers\'01;}\rtlch\fcs1 \af0 \ltrch\fcs0 \fi-180\li6</w:t>
      </w:r>
      <w:r w:rsidRPr="00651F56">
        <w:rPr>
          <w:rFonts w:ascii="Courier New" w:hAnsi="Courier New" w:cs="Courier New"/>
        </w:rPr>
        <w:t>764\lin6764 }{\listname ;}\listid1218779727}{\list\listtemplateid76480464\listsimple{\listlevel\levelnfc0\levelnfc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evelspace0\levelindent0{\leveltext\'02\'00);}{\levelnumbers\'01;}\rtlch\fcs1 \af0 \ltrch\f</w:t>
      </w:r>
      <w:r w:rsidRPr="00651F56">
        <w:rPr>
          <w:rFonts w:ascii="Courier New" w:hAnsi="Courier New" w:cs="Courier New"/>
        </w:rPr>
        <w:t>cs0 \fbias0 \fi-360\li927\jclisttab\tx927\lin927 }{\listname ;}\listid1260215630}{\list\listtemplateid-1756098258\listhybrid{\listlevel\levelnf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n0\leveljc0\leveljcn0\levelfollow0\levelstartat1\levelspace0\levelindent0{\leveltext\leveltemplateid</w:t>
      </w:r>
      <w:r w:rsidRPr="00651F56">
        <w:rPr>
          <w:rFonts w:ascii="Courier New" w:hAnsi="Courier New" w:cs="Courier New"/>
        </w:rPr>
        <w:t>68747279\'02\'00.;}{\levelnumbers\'01;}\rtlch\fcs1 \af0 \ltrch\fcs0 \fbias0 \fi-360\li720\lin720 }{\listlevel\levelnfc4\levelnfcn4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\leveltext\leveltemplateid68747289\'02\</w:t>
      </w:r>
      <w:r w:rsidRPr="00651F56">
        <w:rPr>
          <w:rFonts w:ascii="Courier New" w:hAnsi="Courier New" w:cs="Courier New"/>
        </w:rPr>
        <w:t>'01.;}{\levelnumbers\'01;}\rtlch\fcs1 \af0 \ltrch\fcs0 \fi-360\li1440\lin1440 }{\listlevel\levelnfc2\levelnfcn2\leveljc2\leveljcn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follow0\levelstartat1\lvltentative\levelspace0\levelindent0{\leveltext\leveltemplateid68747291\'02\'02.;}{\levelnumber</w:t>
      </w:r>
      <w:r w:rsidRPr="00651F56">
        <w:rPr>
          <w:rFonts w:ascii="Courier New" w:hAnsi="Courier New" w:cs="Courier New"/>
        </w:rPr>
        <w:t>s\'01;}\rtlch\fcs1 \af0 \ltrch\fcs0 \fi-180\li2160\lin2160 }{\listlevel\levelnfc0\levelnfc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evelstartat1\lvltentative\levelspace0\levelindent0{\leveltext\leveltemplateid68747279\'02\'03.;}{\levelnumbers\'01;}\rtlch\fcs1 </w:t>
      </w:r>
      <w:r w:rsidRPr="00651F56">
        <w:rPr>
          <w:rFonts w:ascii="Courier New" w:hAnsi="Courier New" w:cs="Courier New"/>
        </w:rPr>
        <w:t>\af0 \ltrch\fcs0 \fi-360\li2880\lin2880 }{\listlevel\levelnfc4\levelnfcn4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0\levelindent0{\leveltext\leveltemplateid68747289\'02\'04.;}{\levelnumbers\'01;}\rtlch\fcs1 \af0 \ltrch\fcs0 \f</w:t>
      </w:r>
      <w:r w:rsidRPr="00651F56">
        <w:rPr>
          <w:rFonts w:ascii="Courier New" w:hAnsi="Courier New" w:cs="Courier New"/>
        </w:rPr>
        <w:t>i-360\li3600\lin3600 }{\listlevel\levelnfc2\levelnfcn2\leveljc2\leveljcn2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68747291\'02\'05.;}{\levelnumbers\'01;}\rtlch\fcs1 \af0 \ltrch\fcs0 \fi-180\li4320\lin432</w:t>
      </w:r>
      <w:r w:rsidRPr="00651F56">
        <w:rPr>
          <w:rFonts w:ascii="Courier New" w:hAnsi="Courier New" w:cs="Courier New"/>
        </w:rPr>
        <w:t>0 }{\listlevel\levelnfc0\levelnfcn0\leveljc0\leveljcn0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79\'02\'06.;}{\levelnumbers\'01;}\rtlch\fcs1 \af0 \ltrch\fcs0 \fi-360\li5040\lin5040 }{\listlevel\leve</w:t>
      </w:r>
      <w:r w:rsidRPr="00651F56">
        <w:rPr>
          <w:rFonts w:ascii="Courier New" w:hAnsi="Courier New" w:cs="Courier New"/>
        </w:rPr>
        <w:t>lnfc4\levelnfcn4\leveljc0\leveljcn0\levelfollow0\levelstartat1\lvltentative\levelspa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68747289\'02\'07.;}{\levelnumbers\'01;}\rtlch\fcs1 \af0 \ltrch\fcs0 \fi-360\li5760\lin5760 }{\listlevel\levelnfc2\levelnfcn2\le</w:t>
      </w:r>
      <w:r w:rsidRPr="00651F56">
        <w:rPr>
          <w:rFonts w:ascii="Courier New" w:hAnsi="Courier New" w:cs="Courier New"/>
        </w:rPr>
        <w:t>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8.;}{\levelnumbers\'01;}\rtlch\fcs1 \af0 \ltrch\fcs0 \fi-180\li6480\lin6480 }{\listname ;}\listid1421246143}{\list\listtemplateid-6</w:t>
      </w:r>
      <w:r w:rsidRPr="00651F56">
        <w:rPr>
          <w:rFonts w:ascii="Courier New" w:hAnsi="Courier New" w:cs="Courier New"/>
        </w:rPr>
        <w:t>85102868\listhybrid{\listlevel\levelnfc23\levelnfcn23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evelspace0\levelindent0{\leveltext\leveltemplateid68747265\'01{\uc1\u-3913 ?};}{\levelnumbers;}\f3\fbias0 \fi-360\li1100\lin1100 }{\listlevel\levelnfc23\</w:t>
      </w:r>
      <w:r w:rsidRPr="00651F56">
        <w:rPr>
          <w:rFonts w:ascii="Courier New" w:hAnsi="Courier New" w:cs="Courier New"/>
        </w:rPr>
        <w:t>levelnfcn23\leveljc0\leveljcn0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67\'01o;}{\levelnumbers;}\f2\fbias0 \fi-360\li1820\lin1820 }{\listlevel\levelnfc23\levelnfcn23\leveljc0\leveljcn0\levelfollow0</w:t>
      </w:r>
      <w:r w:rsidRPr="00651F56">
        <w:rPr>
          <w:rFonts w:ascii="Courier New" w:hAnsi="Courier New" w:cs="Courier New"/>
        </w:rPr>
        <w:t>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9\'01{\uc1\u-3929 ?};}{\levelnumbers;}\f10\fbias0 \fi-360\li2540\lin2540 }{\listlevel\levelnfc23\levelnfcn23\leveljc0\leveljcn0\levelfollow0\levelstartat1\lvltentative\</w:t>
      </w:r>
      <w:r w:rsidRPr="00651F56">
        <w:rPr>
          <w:rFonts w:ascii="Courier New" w:hAnsi="Courier New" w:cs="Courier New"/>
        </w:rPr>
        <w:t>levelspace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13 ?};}{\levelnumbers;}\f3\fbias0 \fi-360\li3260\lin3260 }{\listlevel\levelnfc23\levelnfcn23\leveljc0\leveljcn0\levelfollow0\levelstartat1\lvltentative\levelspace0\levelindent0{\lev</w:t>
      </w:r>
      <w:r w:rsidRPr="00651F56">
        <w:rPr>
          <w:rFonts w:ascii="Courier New" w:hAnsi="Courier New" w:cs="Courier New"/>
        </w:rPr>
        <w:t>eltext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0 \fi-360\li3980\lin3980 }{\listlevel\levelnfc23\levelnfcn23\leveljc0\leveljcn0\levelfollow0\levelstartat1\lvltentative\levelspace0\levelindent0{\leveltext\leveltemplateid68747269\'01{\uc1\u-3</w:t>
      </w:r>
      <w:r w:rsidRPr="00651F56">
        <w:rPr>
          <w:rFonts w:ascii="Courier New" w:hAnsi="Courier New" w:cs="Courier New"/>
        </w:rPr>
        <w:t xml:space="preserve">929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4700\lin4700 }{\listlevel\levelnfc23\levelnfcn23\leveljc0\leveljcn0\levelfollow0\levelstartat1\lvltentative\levelspace0\levelindent0{\leveltext\leveltemplateid68747265\'01{\uc1\u-3913 ?};}{\levelnumbers;}\f3\</w:t>
      </w:r>
      <w:r w:rsidRPr="00651F56">
        <w:rPr>
          <w:rFonts w:ascii="Courier New" w:hAnsi="Courier New" w:cs="Courier New"/>
        </w:rPr>
        <w:t>fbias0 \fi-360\li5420\lin5420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lnfcn23\leveljc0\leveljcn0\levelfollow0\levelstartat1\lvltentative\levelspace0\levelindent0{\leveltext\leveltemplateid68747267\'01o;}{\levelnumbers;}\f2\fbias0 \fi-360\li6140\lin6140 }{\listlevel\</w:t>
      </w:r>
      <w:r w:rsidRPr="00651F56">
        <w:rPr>
          <w:rFonts w:ascii="Courier New" w:hAnsi="Courier New" w:cs="Courier New"/>
        </w:rPr>
        <w:t>levelnfc23\levelnfcn23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\leveltext\leveltemplateid68747269\'01{\uc1\u-3929 ?};}{\levelnumbers;}\f10\fbias0 \fi-360\li6860\lin6860 }{\listname ;}\listid1454254983}{\list\li</w:t>
      </w:r>
      <w:r w:rsidRPr="00651F56">
        <w:rPr>
          <w:rFonts w:ascii="Courier New" w:hAnsi="Courier New" w:cs="Courier New"/>
        </w:rPr>
        <w:t>sttemplateid-71303008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isthybrid{\listlevel\levelnfc23\levelnfcn23\leveljc0\leveljcn0\levelfollow0\levelstartat1\levelspace360\levelindent0{\leveltext\leveltemplateid68747265\'01{\uc1\u-3913 ?};}{\levelnumbers;}\f3\fbias0 \fi-360\li1320\lin1320 }{\listl</w:t>
      </w:r>
      <w:r w:rsidRPr="00651F56">
        <w:rPr>
          <w:rFonts w:ascii="Courier New" w:hAnsi="Courier New" w:cs="Courier New"/>
        </w:rPr>
        <w:t>evel\levelnfc2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n23\leveljc0\leveljcn0\levelfollow0\levelstartat1\lvltentative\levelspace360\levelindent0{\leveltext\leveltemplateid68747267\'01o;}{\levelnumbers;}\f2\fbias0 \fi-360\li2040\lin2040 }{\listlevel\levelnfc23\levelnfcn23\leveljc0\leve</w:t>
      </w:r>
      <w:r w:rsidRPr="00651F56">
        <w:rPr>
          <w:rFonts w:ascii="Courier New" w:hAnsi="Courier New" w:cs="Courier New"/>
        </w:rPr>
        <w:t>ljcn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follow0\levelstartat1\lvltentative\levelspace360\levelindent0{\leveltext\leveltemplateid68747269\'01{\uc1\u-3929 ?};}{\levelnumbers;}\f10\fbias0 \fi-360\li2760\lin2760 }{\listlevel\levelnfc23\levelnfcn23\leveljc0\leveljcn0\levelfollow0\levelst</w:t>
      </w:r>
      <w:r w:rsidRPr="00651F56">
        <w:rPr>
          <w:rFonts w:ascii="Courier New" w:hAnsi="Courier New" w:cs="Courier New"/>
        </w:rPr>
        <w:t>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360\levelindent0{\leveltext\leveltemplateid68747265\'01{\uc1\u-3913 ?};}{\levelnumbers;}\f3\fbias0 \fi-360\li3480\lin3480 }{\listlevel\levelnfc23\levelnfcn23\leveljc0\leveljcn0\levelfollow0\levelstartat1\lvltentative\levelsp</w:t>
      </w:r>
      <w:r w:rsidRPr="00651F56">
        <w:rPr>
          <w:rFonts w:ascii="Courier New" w:hAnsi="Courier New" w:cs="Courier New"/>
        </w:rPr>
        <w:t>ace36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67\'01o;}{\levelnumbers;}\f2\fbias0 \fi-360\li4200\lin4200 }{\listlevel\levelnfc23\levelnfcn23\leveljc0\leveljcn0\levelfollow0\levelstartat1\lvltentative\levelspace36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</w:t>
      </w:r>
      <w:r w:rsidRPr="00651F56">
        <w:rPr>
          <w:rFonts w:ascii="Courier New" w:hAnsi="Courier New" w:cs="Courier New"/>
        </w:rPr>
        <w:t>plateid68747269\'01{\uc1\u-3929 ?};}{\levelnumbers;}\f10\fbias0 \fi-360\li4920\lin4920 }{\listlevel\levelnfc23\levelnfcn23\leveljc0\leveljcn0\levelfollow0\levelstartat1\lvltentative\levelspace36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</w:t>
      </w:r>
      <w:r w:rsidRPr="00651F56">
        <w:rPr>
          <w:rFonts w:ascii="Courier New" w:hAnsi="Courier New" w:cs="Courier New"/>
        </w:rPr>
        <w:t>-3913 ?};}{\levelnumbers;}\f3\fbias0 \fi-360\li5640\lin5640 }{\listlevel\levelnfc23\levelnfcn23\leveljc0\leveljcn0\levelfollow0\levelstartat1\lvltentative\levelspace360\levelindent0{\leveltext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0 \fi-</w:t>
      </w:r>
      <w:r w:rsidRPr="00651F56">
        <w:rPr>
          <w:rFonts w:ascii="Courier New" w:hAnsi="Courier New" w:cs="Courier New"/>
        </w:rPr>
        <w:t xml:space="preserve">360\li6360\lin6360 }{\listlevel\levelnfc23\levelnfcn23\leveljc0\leveljcn0\levelfollow0\levelstartat1\lvltentative\levelspace360\levelindent0{\leveltext\leveltemplateid68747269\'01{\uc1\u-3929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7080\lin7080 }{\list</w:t>
      </w:r>
      <w:r w:rsidRPr="00651F56">
        <w:rPr>
          <w:rFonts w:ascii="Courier New" w:hAnsi="Courier New" w:cs="Courier New"/>
        </w:rPr>
        <w:t xml:space="preserve">name ;}\listid1551838186}{\list\listtemplateid68747295{\listlevel\levelnfc0\levelnfcn0\leveljc0\leveljcn0\levelfollow0\levelstartat1\levelspace0\levelindent0{\leveltext\'02\'00.;}{\levelnumbers\'01;}\rtlch\fcs1 \a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i-360\li360\lin360 }{\li</w:t>
      </w:r>
      <w:r w:rsidRPr="00651F56">
        <w:rPr>
          <w:rFonts w:ascii="Courier New" w:hAnsi="Courier New" w:cs="Courier New"/>
        </w:rPr>
        <w:t>stlevel\levelnfc0\levelnfcn0\leveljc0\leveljcn0\levelfollow0\levelstartat1\levelspace0\levelindent0{\leveltext\'04\'00.\'01.;}{\levelnumbers\'01\'03;}\rtlch\fcs1 \af0 \ltrch\fcs0 \fi-432\li792\lin792 }{\listlevel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0\levelnfcn0\leveljc0\leveljcn0\l</w:t>
      </w:r>
      <w:r w:rsidRPr="00651F56">
        <w:rPr>
          <w:rFonts w:ascii="Courier New" w:hAnsi="Courier New" w:cs="Courier New"/>
        </w:rPr>
        <w:t>evelfollow0\levelstartat1\levelspace0\levelindent0{\leveltext\'06\'00.\'01.\'02.;}{\levelnumbers\'01\'03\'05;}\rtlch\fcs1 \af0 \ltrch\fcs0 \fi-504\li1224\lin1224 }{\listlevel\levelnfc0\levelnfcn0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evelspace0\</w:t>
      </w:r>
      <w:r w:rsidRPr="00651F56">
        <w:rPr>
          <w:rFonts w:ascii="Courier New" w:hAnsi="Courier New" w:cs="Courier New"/>
        </w:rPr>
        <w:t>levelindent0{\leveltext\'08\'00.\'01.\'02.\'03.;}{\levelnumbers\'01\'03\'05\'07;}\rtlch\fcs1 \af0 \ltrch\fcs0 \fi-648\li1728\lin1728 }{\listlevel\levelnfc0\levelnfc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evelspace0\levelindent0{\leveltext\'0a\'</w:t>
      </w:r>
      <w:r w:rsidRPr="00651F56">
        <w:rPr>
          <w:rFonts w:ascii="Courier New" w:hAnsi="Courier New" w:cs="Courier New"/>
        </w:rPr>
        <w:t>00.\'01.\'02.\'03.\'04.;}{\levelnumbers\'01\'03\'05\'07\'09;}\rtlch\fcs1 \af0 \ltrch\fcs0 \fi-792\li2232\lin2232 }{\listlevel\levelnfc0\levelnfcn0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'0c\'00.\'01.\'02.\'03.\'</w:t>
      </w:r>
      <w:r w:rsidRPr="00651F56">
        <w:rPr>
          <w:rFonts w:ascii="Courier New" w:hAnsi="Courier New" w:cs="Courier New"/>
        </w:rPr>
        <w:t>04.\'05.;}{\levelnumbers\'01\'03\'05\'07\'09\'0b;}\rtlch\fcs1 \af0 \ltrch\fcs0 \fi-936\li2736\lin2736 }{\listlevel\levelnfc0\levelnfcn0\leveljc0\leveljcn0\levelfollow0\levelstartat1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'0e\'00.\'01.\'02.\'03.\'04.\'05.\'0</w:t>
      </w:r>
      <w:r w:rsidRPr="00651F56">
        <w:rPr>
          <w:rFonts w:ascii="Courier New" w:hAnsi="Courier New" w:cs="Courier New"/>
        </w:rPr>
        <w:t>6.;}{\levelnumbers\'01\'03\'05\'07\'09\'0b\'0d;}\rtlch\fcs1 \af0 \ltrch\fcs0 \fi-1080\li3240\lin3240 }{\listlevel\levelnfc0\levelnfcn0\leveljc0\leveljcn0\levelfollow0\levelstartat1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'10\'00.\'01.\'02.\'03.\'04.\'05.\'06</w:t>
      </w:r>
      <w:r w:rsidRPr="00651F56">
        <w:rPr>
          <w:rFonts w:ascii="Courier New" w:hAnsi="Courier New" w:cs="Courier New"/>
        </w:rPr>
        <w:t>.\'07.;}{\levelnumbers\'01\'03\'05\'07\'09\'0b\'0d\'0f;}\rtlch\fcs1 \af0 \ltrch\fcs0 \fi-1224\li3744\lin3744 }{\listlevel\levelnfc0\levelnfcn0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'12\'00.\'01.\'02.\'03.\'04.\</w:t>
      </w:r>
      <w:r w:rsidRPr="00651F56">
        <w:rPr>
          <w:rFonts w:ascii="Courier New" w:hAnsi="Courier New" w:cs="Courier New"/>
        </w:rPr>
        <w:t>'05.\'06.\'07.\'08.;}{\levelnumbers\'01\'03\'05\'07\'09\'0b\'0d\'0f\'11;}\rtlch\fcs1 \af0 \ltrch\fcs0 \fi-1440\li4320\lin4320 }{\listname ;}\listid1597209855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\listtemplateid-1134542670\listhybrid{\listlevel\levelnfc0\levelnfcn0\leveljc0\leveljcn0\l</w:t>
      </w:r>
      <w:r w:rsidRPr="00651F56">
        <w:rPr>
          <w:rFonts w:ascii="Courier New" w:hAnsi="Courier New" w:cs="Courier New"/>
        </w:rPr>
        <w:t xml:space="preserve">evelfollow0\levelstartat1\levelspace0\levelindent0{\leveltext\leveltemplateid68747279\'02\'00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720\lin720 }{\listlevel\levelnfc4\levelnfcn4\leveljc0\leveljcn0\levelfollow0\levelstartat1\lvltenta</w:t>
      </w:r>
      <w:r w:rsidRPr="00651F56">
        <w:rPr>
          <w:rFonts w:ascii="Courier New" w:hAnsi="Courier New" w:cs="Courier New"/>
        </w:rPr>
        <w:t xml:space="preserve">tive\levelspace0\levelindent0{\leveltext\leveltemplateid68747289\'02\'01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1440\lin1440 }{\listlevel\levelnfc2\levelnfcn2\leveljc2\leveljcn2\levelfollow0\levelstartat1\lvltentative\levelspace0\le</w:t>
      </w:r>
      <w:r w:rsidRPr="00651F56">
        <w:rPr>
          <w:rFonts w:ascii="Courier New" w:hAnsi="Courier New" w:cs="Courier New"/>
        </w:rPr>
        <w:t xml:space="preserve">velindent0{\leveltext\leveltemplateid68747291\'02\'02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180\li2160\lin2160 }{\listlevel\levelnfc0\levelnfcn0\leveljc0\leveljcn0\levelfollow0\levelstartat1\lvltentative\levelspace0\levelindent0{\levelte</w:t>
      </w:r>
      <w:r w:rsidRPr="00651F56">
        <w:rPr>
          <w:rFonts w:ascii="Courier New" w:hAnsi="Courier New" w:cs="Courier New"/>
        </w:rPr>
        <w:t xml:space="preserve">xt\leveltemplateid68747279\'02\'03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2880\lin2880 }{\listlevel\levelnfc4\levelnfcn4\leveljc0\leveljcn0\levelfollow0\levelstartat1\lvltentative\levelspace0\levelindent0{\leveltext\leveltemplateid6</w:t>
      </w:r>
      <w:r w:rsidRPr="00651F56">
        <w:rPr>
          <w:rFonts w:ascii="Courier New" w:hAnsi="Courier New" w:cs="Courier New"/>
        </w:rPr>
        <w:t xml:space="preserve">8747289\'02\'04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3600\lin3600 }{\listlevel\levelnfc2\levelnfcn2\leveljc2\leveljcn2\levelfollow0\levelstartat1\lvltentative\levelspace0\levelindent0{\leveltext\leveltemplateid68747291\'02\'05.;}{</w:t>
      </w:r>
      <w:r w:rsidRPr="00651F56">
        <w:rPr>
          <w:rFonts w:ascii="Courier New" w:hAnsi="Courier New" w:cs="Courier New"/>
        </w:rPr>
        <w:t xml:space="preserve">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180\li4320\lin4320 }{\listlevel\levelnfc0\levelnfcn0\leveljc0\leveljcn0\levelfollow0\levelstartat1\lvltentative\levelspace0\levelindent0{\leveltext\leveltemplateid68747279\'02\'06.;}{\levelnumbers\'01;}</w:t>
      </w:r>
      <w:r w:rsidRPr="00651F56">
        <w:rPr>
          <w:rFonts w:ascii="Courier New" w:hAnsi="Courier New" w:cs="Courier New"/>
        </w:rPr>
        <w:t xml:space="preserve">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5040\lin5040 }{\listlevel\levelnfc4\levelnfcn4\leveljc0\leveljcn0\levelfollow0\levelstartat1\lvltentative\levelspace0\levelindent0{\leveltext\leveltemplateid68747289\'02\'07.;}{\levelnumbers\'01;}\rtlch\fcs1 \af0 \l</w:t>
      </w:r>
      <w:r w:rsidRPr="00651F56">
        <w:rPr>
          <w:rFonts w:ascii="Courier New" w:hAnsi="Courier New" w:cs="Courier New"/>
        </w:rPr>
        <w:t xml:space="preserve">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i-360\li5760\lin5760 }{\listlevel\levelnfc2\levelnfcn2\leveljc2\leveljcn2\levelfollow0\levelstartat1\lvltentative\levelspace0\levelindent0{\leveltext\leveltemplateid68747291\'02\'08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180</w:t>
      </w:r>
      <w:r w:rsidRPr="00651F56">
        <w:rPr>
          <w:rFonts w:ascii="Courier New" w:hAnsi="Courier New" w:cs="Courier New"/>
        </w:rPr>
        <w:t>\li6480\lin6480 }{\listname ;}\listid1624075133}{\list\listtemplateid-2125297950\listhybrid{\listlevel\levelnfc0\levelnfcn0\leveljc0\leveljcn0\levelfollow0\levelstartat1\levelspace360\levelindent0{\leveltext\leveltemplateid6874727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0.;}{\levelnumbe</w:t>
      </w:r>
      <w:r w:rsidRPr="00651F56">
        <w:rPr>
          <w:rFonts w:ascii="Courier New" w:hAnsi="Courier New" w:cs="Courier New"/>
        </w:rPr>
        <w:t>rs\'01;}\rtlch\fcs1 \af0 \ltrch\fcs0 \fi-360\li1039\lin1039 }{\listlevel\levelnfc4\levelnfcn4\leveljc0\leveljcn0\levelfollow0\levelstartat1\lvltentative\levelspace360\levelindent0{\leveltext\leveltemplateid6874728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1.;}{\levelnumbers\'01;}\rtlch\fc</w:t>
      </w:r>
      <w:r w:rsidRPr="00651F56">
        <w:rPr>
          <w:rFonts w:ascii="Courier New" w:hAnsi="Courier New" w:cs="Courier New"/>
        </w:rPr>
        <w:t>s1 \af0 \ltrch\fcs0 \fi-360\li1759\lin1759 }{\listlevel\levelnfc2\levelnfcn2\leveljc2\leveljcn2\levelfollow0\levelstartat1\lvltentative\levelspace360\levelindent0{\leveltext\leveltemplateid6874729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2.;}{\levelnumbers\'01;}\rtlch\fcs1 \af0 \ltrch\fc</w:t>
      </w:r>
      <w:r w:rsidRPr="00651F56">
        <w:rPr>
          <w:rFonts w:ascii="Courier New" w:hAnsi="Courier New" w:cs="Courier New"/>
        </w:rPr>
        <w:t>s0 \fi-180\li2479\lin2479 }{\listlevel\levelnfc0\levelnfcn0\leveljc0\leveljcn0\levelfollow0\levelstartat1\lvltentative\levelspace360\levelindent0{\leveltext\leveltemplateid6874727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3.;}{\levelnumbers\'01;}\rtlch\fcs1 \af0 \ltrch\fcs0 \fi-360\li3199</w:t>
      </w:r>
      <w:r w:rsidRPr="00651F56">
        <w:rPr>
          <w:rFonts w:ascii="Courier New" w:hAnsi="Courier New" w:cs="Courier New"/>
        </w:rPr>
        <w:t>\lin3199 }{\listlevel\levelnfc4\levelnfcn4\leveljc0\leveljcn0\levelfollow0\levelstartat1\lvltentative\levelspace360\levelindent0{\leveltext\leveltemplateid6874728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4.;}{\levelnumbers\'01;}\rtlch\fcs1 \af0 \ltrch\fcs0 \fi-360\li3919\lin3919 }{\listl</w:t>
      </w:r>
      <w:r w:rsidRPr="00651F56">
        <w:rPr>
          <w:rFonts w:ascii="Courier New" w:hAnsi="Courier New" w:cs="Courier New"/>
        </w:rPr>
        <w:t>evel\levelnfc2\levelnfcn2\leveljc2\leveljcn2\levelfollow0\levelstartat1\lvltentative\levelspace360\levelindent0{\leveltext\leveltemplateid6874729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5.;}{\levelnumbers\'01;}\rtlch\fcs1 \af0 \ltrch\fcs0 \fi-180\li4639\lin4639 }{\listlevel\levelnfc0\le</w:t>
      </w:r>
      <w:r w:rsidRPr="00651F56">
        <w:rPr>
          <w:rFonts w:ascii="Courier New" w:hAnsi="Courier New" w:cs="Courier New"/>
        </w:rPr>
        <w:t>velnfcn0\leveljc0\leveljcn0\levelfollow0\levelstartat1\lvltentative\levelspace360\levelindent0{\leveltext\leveltemplateid6874727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6.;}{\levelnumbers\'01;}\rtlch\fcs1 \af0 \ltrch\fcs0 \fi-360\li5359\lin5359 }{\listlevel\levelnfc4\levelnfcn4\leveljc0</w:t>
      </w:r>
      <w:r w:rsidRPr="00651F56">
        <w:rPr>
          <w:rFonts w:ascii="Courier New" w:hAnsi="Courier New" w:cs="Courier New"/>
        </w:rPr>
        <w:t>\leveljcn0\levelfollow0\levelstartat1\lvltentative\levelspace360\levelindent0{\leveltext\leveltemplateid6874728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7.;}{\levelnumbers\'01;}\rtlch\fcs1 \af0 \ltrch\fcs0 \fi-360\li6079\lin6079 }{\listlevel\levelnfc2\levelnfcn2\leveljc2\leveljcn2\levelf</w:t>
      </w:r>
      <w:r w:rsidRPr="00651F56">
        <w:rPr>
          <w:rFonts w:ascii="Courier New" w:hAnsi="Courier New" w:cs="Courier New"/>
        </w:rPr>
        <w:t>ollow0\levelstartat1\lvltentative\levelspace360\levelindent0{\leveltext\leveltemplateid6874729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2\'08.;}{\levelnumbers\'01;}\rtlch\fcs1 \af0 \ltrch\fcs0 \fi-180\li6799\lin6799 }{\listname ;}\listid1647662000}{\list\listtemplateid-746953512\listhybrid{\</w:t>
      </w:r>
      <w:r w:rsidRPr="00651F56">
        <w:rPr>
          <w:rFonts w:ascii="Courier New" w:hAnsi="Courier New" w:cs="Courier New"/>
        </w:rPr>
        <w:t>listlevel\levelnfc0\levelnfcn0\leveljc0\leveljcn0\levelfollow0\levelstartat1\levelspace5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110408660\'02\'00.;}{\levelnumbers\'01;}\rtlch\fcs1 \af0 \ltrch\fcs0 \fbias0 \fi-360\li417\lin417 }{\listlevel\levelnfc4\leve</w:t>
      </w:r>
      <w:r w:rsidRPr="00651F56">
        <w:rPr>
          <w:rFonts w:ascii="Courier New" w:hAnsi="Courier New" w:cs="Courier New"/>
        </w:rPr>
        <w:t>lnfcn4\leveljc0\leveljcn0\levelfollow0\levelstartat1\lvltentative\levelspace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68747289\'02\'01.;}{\levelnumbers\'01;}\rtlch\fcs1 \af0 \ltrch\fcs0 \fi-360\li1137\lin1137 }{\listlevel\levelnfc2\levelnfcn2\leveljc2\lev</w:t>
      </w:r>
      <w:r w:rsidRPr="00651F56">
        <w:rPr>
          <w:rFonts w:ascii="Courier New" w:hAnsi="Courier New" w:cs="Courier New"/>
        </w:rPr>
        <w:t>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2.;}{\levelnumbers\'01;}\rtlch\fcs1 \af0 \ltrch\fcs0 \fi-180\li1857\lin1857 }{\listlevel\levelnfc0\levelnfcn0\leveljc0\leveljcn0\levelfollow0</w:t>
      </w:r>
      <w:r w:rsidRPr="00651F56">
        <w:rPr>
          <w:rFonts w:ascii="Courier New" w:hAnsi="Courier New" w:cs="Courier New"/>
        </w:rPr>
        <w:t>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79\'02\'03.;}{\levelnumbers\'01;}\rtlch\fcs1 \af0 \ltrch\fcs0 \fi-360\li2577\lin2577 }{\listlevel\levelnfc4\levelnfcn4\leveljc0\leveljcn0\levelfollow0\levelstartat1\lvlt</w:t>
      </w:r>
      <w:r w:rsidRPr="00651F56">
        <w:rPr>
          <w:rFonts w:ascii="Courier New" w:hAnsi="Courier New" w:cs="Courier New"/>
        </w:rPr>
        <w:t>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89\'02\'04.;}{\levelnumbers\'01;}\rtlch\fcs1 \af0 \ltrch\fcs0 \fi-360\li3297\lin3297 }{\listlevel\levelnfc2\levelnfcn2\leveljc2\leveljcn2\levelfollow0\levelstartat1\lvltentative\levelspace</w:t>
      </w:r>
      <w:r w:rsidRPr="00651F56">
        <w:rPr>
          <w:rFonts w:ascii="Courier New" w:hAnsi="Courier New" w:cs="Courier New"/>
        </w:rPr>
        <w:t>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05.;}{\levelnumbers\'01;}\rtlch\fcs1 \af0 \ltrch\fcs0 \fi-180\li4017\lin4017 }{\listlevel\levelnfc0\levelnfcn0\leveljc0\leveljcn0\levelfollow0\levelstartat1\lvltentative\levelspace0\levelindent0{\lev</w:t>
      </w:r>
      <w:r w:rsidRPr="00651F56">
        <w:rPr>
          <w:rFonts w:ascii="Courier New" w:hAnsi="Courier New" w:cs="Courier New"/>
        </w:rPr>
        <w:t>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79\'02\'06.;}{\levelnumbers\'01;}\rtlch\fcs1 \af0 \ltrch\fcs0 \fi-360\li4737\lin4737 }{\listlevel\levelnfc4\levelnfcn4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</w:t>
      </w:r>
      <w:r w:rsidRPr="00651F56">
        <w:rPr>
          <w:rFonts w:ascii="Courier New" w:hAnsi="Courier New" w:cs="Courier New"/>
        </w:rPr>
        <w:t>ateid68747289\'02\'07.;}{\levelnumbers\'01;}\rtlch\fcs1 \af0 \ltrch\fcs0 \fi-360\li5457\lin5457 }{\listlevel\levelnfc2\levelnfcn2\leveljc2\leveljcn2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91\'02\'</w:t>
      </w:r>
      <w:r w:rsidRPr="00651F56">
        <w:rPr>
          <w:rFonts w:ascii="Courier New" w:hAnsi="Courier New" w:cs="Courier New"/>
        </w:rPr>
        <w:t>08.;}{\levelnumbers\'01;}\rtlch\fcs1 \af0 \ltrch\fcs0 \fi-180\li6177\lin6177 }{\listname ;}\listid1757357770}{\list\listtemplateid1537485750\listhybrid{\listlevel\levelnfc23\levelnfcn23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evelspace0\levelinden</w:t>
      </w:r>
      <w:r w:rsidRPr="00651F56">
        <w:rPr>
          <w:rFonts w:ascii="Courier New" w:hAnsi="Courier New" w:cs="Courier New"/>
        </w:rPr>
        <w:t>t0{\leveltext\leveltemplateid68747265\'01{\uc1\u-3913 ?};}{\levelnumbers;}\f3\fbias0 \fi-360\li360\lin360 }{\listlevel\levelnfc23\levelnfcn23\leveljc0\leveljcn0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</w:t>
      </w:r>
      <w:r w:rsidRPr="00651F56">
        <w:rPr>
          <w:rFonts w:ascii="Courier New" w:hAnsi="Courier New" w:cs="Courier New"/>
        </w:rPr>
        <w:t>747267\'01o;}{\levelnumbers;}\f2\fbias0 \fi-360\li1080\lin1080 }{\listlevel\levelnfc23\levelnfcn23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9\'01{\uc1\u-3929 ?};}{\levelnumbers;}</w:t>
      </w:r>
      <w:r w:rsidRPr="00651F56">
        <w:rPr>
          <w:rFonts w:ascii="Courier New" w:hAnsi="Courier New" w:cs="Courier New"/>
        </w:rPr>
        <w:t>\f10\fbias0 \fi-360\li1800\lin1800 }{\listlevel\levelnfc23\levelnfcn23\leveljc0\leveljcn0\levelfollow0\levelstartat1\lvltentative\levelspace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13 ?};}{\levelnumbers;}\f3\fbias0 \fi-360\li2520\li</w:t>
      </w:r>
      <w:r w:rsidRPr="00651F56">
        <w:rPr>
          <w:rFonts w:ascii="Courier New" w:hAnsi="Courier New" w:cs="Courier New"/>
        </w:rPr>
        <w:t>n2520 }{\listlevel\levelnfc23\levelnfcn23\leveljc0\leveljcn0\levelfollow0\levelstartat1\lvltentative\levelspace0\levelindent0{\leveltext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0 \fi-360\li3240\lin3240 }{\listlevel\levelnfc23\levelnfcn23\l</w:t>
      </w:r>
      <w:r w:rsidRPr="00651F56">
        <w:rPr>
          <w:rFonts w:ascii="Courier New" w:hAnsi="Courier New" w:cs="Courier New"/>
        </w:rPr>
        <w:t xml:space="preserve">eveljc0\leveljcn0\levelfollow0\levelstartat1\lvltentative\levelspace0\levelindent0{\leveltext\leveltemplateid68747269\'01{\uc1\u-3929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3960\lin3960 }{\listlevel\levelnfc23\levelnfcn23\leveljc0\leveljcn0\levelfollo</w:t>
      </w:r>
      <w:r w:rsidRPr="00651F56">
        <w:rPr>
          <w:rFonts w:ascii="Courier New" w:hAnsi="Courier New" w:cs="Courier New"/>
        </w:rPr>
        <w:t>w0\levelstartat1\lvltentative\levelspace0\levelindent0{\leveltext\leveltemplateid68747265\'01{\uc1\u-3913 ?};}{\levelnumbers;}\f3\fbias0 \fi-360\li4680\lin4680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lnfcn23\leveljc0\leveljcn0\levelfollow0\levelstartat1\lvltentative</w:t>
      </w:r>
      <w:r w:rsidRPr="00651F56">
        <w:rPr>
          <w:rFonts w:ascii="Courier New" w:hAnsi="Courier New" w:cs="Courier New"/>
        </w:rPr>
        <w:t>\levelspace0\levelindent0{\leveltext\leveltemplateid68747267\'01o;}{\levelnumbers;}\f2\fbias0 \fi-360\li5400\lin5400 }{\listlevel\levelnfc23\levelnfcn23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\leveltext\levelt</w:t>
      </w:r>
      <w:r w:rsidRPr="00651F56">
        <w:rPr>
          <w:rFonts w:ascii="Courier New" w:hAnsi="Courier New" w:cs="Courier New"/>
        </w:rPr>
        <w:t>emplateid68747269\'01{\uc1\u-3929 ?};}{\levelnumbers;}\f10\fbias0 \fi-360\li6120\lin6120 }{\listname ;}\listid1763262427}{\list\listtemplateid630371960\listhybri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lnfcn23\leveljc0\leveljcn0\levelfollow0\levelstartat1\levelspace0</w:t>
      </w:r>
      <w:r w:rsidRPr="00651F56">
        <w:rPr>
          <w:rFonts w:ascii="Courier New" w:hAnsi="Courier New" w:cs="Courier New"/>
        </w:rPr>
        <w:t>\levelindent0{\leveltext\leveltemplateid68747265\'01{\uc1\u-3913 ?};}{\levelnumbers;}\f3\fbias0 \fi-360\li1287\lin1287 }{\listlevel\levelnfc23\levelnfcn23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\leveltext\leve</w:t>
      </w:r>
      <w:r w:rsidRPr="00651F56">
        <w:rPr>
          <w:rFonts w:ascii="Courier New" w:hAnsi="Courier New" w:cs="Courier New"/>
        </w:rPr>
        <w:t>ltemplateid68747267\'01o;}{\levelnumbers;}\f2\fbias0 \fi-360\li2007\lin2007 }{\listlevel\levelnfc23\levelnfcn23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0\levelindent0{\leveltext\leveltemplateid68747269\'01{\uc1\u-3929 ?};}{\l</w:t>
      </w:r>
      <w:r w:rsidRPr="00651F56">
        <w:rPr>
          <w:rFonts w:ascii="Courier New" w:hAnsi="Courier New" w:cs="Courier New"/>
        </w:rPr>
        <w:t>evelnumbers;}\f10\fbias0 \fi-360\li2727\lin2727 }{\listlevel\levelnfc23\levelnfcn23\leveljc0\leveljcn0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65\'01{\uc1\u-3913 ?};}{\levelnumbers;}\f3\fbias0 \fi-</w:t>
      </w:r>
      <w:r w:rsidRPr="00651F56">
        <w:rPr>
          <w:rFonts w:ascii="Courier New" w:hAnsi="Courier New" w:cs="Courier New"/>
        </w:rPr>
        <w:t>360\li3447\lin3447 }{\listlevel\levelnfc23\levelnfcn23\leveljc0\leveljcn0\levelfollow0\levelstartat1\lvltentative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7\'01o;}{\levelnumbers;}\f2\fbias0 \fi-360\li4167\lin4167 }{\listlevel\levelnfc23\</w:t>
      </w:r>
      <w:r w:rsidRPr="00651F56">
        <w:rPr>
          <w:rFonts w:ascii="Courier New" w:hAnsi="Courier New" w:cs="Courier New"/>
        </w:rPr>
        <w:t>levelnfcn23\leveljc0\leveljcn0\levelfollow0\levelstartat1\lvltentative\levelspace0\levelindent0{\leveltext\leveltemplateid6874726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29 ?};}{\levelnumbers;}\f10\fbias0 \fi-360\li4887\lin4887 }{\listlevel\levelnfc23\levelnfcn23\leveljc0\leveljc</w:t>
      </w:r>
      <w:r w:rsidRPr="00651F56">
        <w:rPr>
          <w:rFonts w:ascii="Courier New" w:hAnsi="Courier New" w:cs="Courier New"/>
        </w:rPr>
        <w:t>n0\levelfollow0\levelstartat1\lvltentative\levelspace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{\uc1\u-3913 ?};}{\levelnumbers;}\f3\fbias0 \fi-360\li5607\lin5607 }{\listlevel\levelnfc23\levelnfcn23\leveljc0\leveljcn0\levelfollow0\levelstartat1</w:t>
      </w:r>
      <w:r w:rsidRPr="00651F56">
        <w:rPr>
          <w:rFonts w:ascii="Courier New" w:hAnsi="Courier New" w:cs="Courier New"/>
        </w:rPr>
        <w:t>\lvltentative\levelspace0\levelindent0{\leveltext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0 \fi-360\li6327\lin6327 }{\listlevel\levelnfc23\levelnfcn23\leveljc0\leveljcn0\levelfollow0\levelstartat1\lvltentative\levelspace0\levelindent0{\lev</w:t>
      </w:r>
      <w:r w:rsidRPr="00651F56">
        <w:rPr>
          <w:rFonts w:ascii="Courier New" w:hAnsi="Courier New" w:cs="Courier New"/>
        </w:rPr>
        <w:t xml:space="preserve">eltext\leveltemplateid68747269\'01{\uc1\u-3929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7047\lin7047 }{\listname ;}\listid1814713574}{\list\listtemplateid1018046624{\listlevel\levelnfc0\levelnfcn0\leveljc0\leveljcn0\levelfollow0\levelstartat1\levelspace</w:t>
      </w:r>
      <w:r w:rsidRPr="00651F56">
        <w:rPr>
          <w:rFonts w:ascii="Courier New" w:hAnsi="Courier New" w:cs="Courier New"/>
        </w:rPr>
        <w:t xml:space="preserve">0\levelindent0{\leveltext\'02\'00.;}{\levelnumbers\'01;}\rtlch\fcs1 \a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bias0 \s1\fi-432\li432\jclisttab\tx432\lin432 }{\listlevel\levelnfc0\levelnfcn0\leveljc0\leveljcn0\levelfollow0\levelstartat1\levelspace0\levelindent0{\leveltext\'03\'</w:t>
      </w:r>
      <w:r w:rsidRPr="00651F56">
        <w:rPr>
          <w:rFonts w:ascii="Courier New" w:hAnsi="Courier New" w:cs="Courier New"/>
        </w:rPr>
        <w:t xml:space="preserve">00.\'01;}{\levelnumbers\'01\'03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0\i0\cf0\fbias0 \s2\fi-576\li576\jclisttab\tx576\lin576 }{\listlevel\levelnfc0\levelnfcn0\leveljc0\leveljcn0\levelfollow0\levelstartat1\levelspace0\levelindent0{\leveltext\'05\'00.\'01.\'02;</w:t>
      </w:r>
      <w:r w:rsidRPr="00651F56">
        <w:rPr>
          <w:rFonts w:ascii="Courier New" w:hAnsi="Courier New" w:cs="Courier New"/>
        </w:rPr>
        <w:t xml:space="preserve">}{\levelnumbers\'01\'03\'05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0\cf0\fbias0 \s3\fi-720\li1560\jclisttab\tx1560\lin1560 }{\listlevel\levelnfc0\levelnfcn0\leveljc0\leveljcn0\levelfollow0\levelstartat1\levelspace0\levelindent0{\leveltext\'07\'00.\'01.\'02.\'03</w:t>
      </w:r>
      <w:r w:rsidRPr="00651F56">
        <w:rPr>
          <w:rFonts w:ascii="Courier New" w:hAnsi="Courier New" w:cs="Courier New"/>
        </w:rPr>
        <w:t xml:space="preserve">;}{\levelnumbers\'01\'03\'05\'07;}\rtlch\fcs1 \a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bias0 \s4\fi-864\li864\jclisttab\tx864\lin864 }{\listlevel\levelnfc0\levelnfcn0\leveljc0\leveljcn0\levelfollow0\levelstartat1\levelspace0\levelindent0{\leveltext\'09\'00.\'01.\'02.\'03.\'04</w:t>
      </w:r>
      <w:r w:rsidRPr="00651F56">
        <w:rPr>
          <w:rFonts w:ascii="Courier New" w:hAnsi="Courier New" w:cs="Courier New"/>
        </w:rPr>
        <w:t xml:space="preserve">;}{\levelnumbers\'01\'03\'05\'07\'09;}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 \ltrch\fcs0 \fbias0 \s5\fi-1008\li1008\jclisttab\tx1008\lin1008 }{\listlevel\levelnfc0\levelnfcn0\leveljc0\leveljcn0\levelfollow0\levelstartat1\levelspace0\levelindent0{\leveltext\'0b\'00.\'01.\'02.\</w:t>
      </w:r>
      <w:r w:rsidRPr="00651F56">
        <w:rPr>
          <w:rFonts w:ascii="Courier New" w:hAnsi="Courier New" w:cs="Courier New"/>
        </w:rPr>
        <w:t>'03.\'04.\'05;}{\levelnumbers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\'03\'05\'07\'09\'0b;}\rtlch\fcs1 \af0 \ltrch\fcs0 \fbias0 \s6\fi-1152\li1152\jclisttab\tx1152\lin1152 }{\listlevel\levelnfc0\levelnfcn0\leveljc0\leveljcn0\levelfollow0\levelstartat1\levelspace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</w:t>
      </w:r>
      <w:r w:rsidRPr="00651F56">
        <w:rPr>
          <w:rFonts w:ascii="Courier New" w:hAnsi="Courier New" w:cs="Courier New"/>
        </w:rPr>
        <w:t>'0d\'00.\'01.\'02.\'03.\'04.\'05.\'06;}{\levelnumbers\'01\'03\'05\'07\'09\'0b\'0d;}\rtlch\fcs1 \af0 \ltrch\fcs0 \fbias0 \s7\fi-1296\li1296\jclisttab\tx1296\lin1296 }{\listlevel\levelnfc0\levelnfcn0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</w:t>
      </w:r>
      <w:r w:rsidRPr="00651F56">
        <w:rPr>
          <w:rFonts w:ascii="Courier New" w:hAnsi="Courier New" w:cs="Courier New"/>
        </w:rPr>
        <w:t>0\levelindent0{\leveltext\'0f\'00.\'01.\'02.\'03.\'04.\'05.\'06.\'07;}{\levelnumbers\'01\'03\'05\'07\'09\'0b\'0d\'0f;}\rtlch\fcs1 \af0 \ltrch\fcs0 \fbias0 \s8\fi-1440\li1440\jclisttab\tx1440\lin1440 }{\listlevel\levelnfc0\levelnfcn0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</w:t>
      </w:r>
      <w:r w:rsidRPr="00651F56">
        <w:rPr>
          <w:rFonts w:ascii="Courier New" w:hAnsi="Courier New" w:cs="Courier New"/>
        </w:rPr>
        <w:t>velfollow0\levelstartat1\levelspace0\levelindent0{\leveltext\'11\'00.\'01.\'02.\'03.\'04.\'05.\'06.\'07.\'08;}{\levelnumbers\'01\'03\'05\'07\'09\'0b\'0d\'0f\'11;}\rtlch\fcs1 \af0 \ltrch\fcs0 \fbias0 \s9\fi-1584\li158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1584\lin1584 }{\listname</w:t>
      </w:r>
      <w:r w:rsidRPr="00651F56">
        <w:rPr>
          <w:rFonts w:ascii="Courier New" w:hAnsi="Courier New" w:cs="Courier New"/>
        </w:rPr>
        <w:t xml:space="preserve"> ;}\listid1824005111}{\list\listtemplateid2109246200\listhybrid{\listlevel\levelnfc23\levelnfcn23\leveljc0\leveljcn0\levelfollow0\levelstartat0\levelspace0\levelindent0{\leveltext\leveltemplateid198536067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-;}{\levelnumbers;}\loch\af0\hich\af0\dbch\af</w:t>
      </w:r>
      <w:r w:rsidRPr="00651F56">
        <w:rPr>
          <w:rFonts w:ascii="Courier New" w:hAnsi="Courier New" w:cs="Courier New"/>
        </w:rPr>
        <w:t>0\fbias0 \fi-360\li960\jclisttab\tx960\lin960 }{\listlevel\levelnfc23\levelnfcn23\leveljc0\leveljcn0\levelfollow0\levelstartat1\levelspace0\levelindent0{\leveltext\leveltemplateid6874726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o;}{\levelnumbers;}\f2\fbias0 \fi-360\li1440\jclisttab\tx1440\l</w:t>
      </w:r>
      <w:r w:rsidRPr="00651F56">
        <w:rPr>
          <w:rFonts w:ascii="Courier New" w:hAnsi="Courier New" w:cs="Courier New"/>
        </w:rPr>
        <w:t>in1440 }{\listlevel\levelnfc23\levelnfcn23\leveljc0\leveljcn0\levelfollow0\levelstartat1\levelspace0\levelindent0{\leveltext\leveltemplateid68747269\'01{\uc1\u-3929 ?}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10\fbias0 \fi-360\li2160\jclisttab\tx2160\lin2160 }{\listlevel\leve</w:t>
      </w:r>
      <w:r w:rsidRPr="00651F56">
        <w:rPr>
          <w:rFonts w:ascii="Courier New" w:hAnsi="Courier New" w:cs="Courier New"/>
        </w:rPr>
        <w:t xml:space="preserve">lnfc23\levelnfcn23\leveljc0\leveljcn0\levelfollow0\levelstartat1\lvltentative\levelspace0\levelindent0{\leveltext\leveltemplateid68747265\'01{\uc1\u-3913 ?};}{\levelnumbers;}\f3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2880\jclisttab\tx2880\lin2880 }{\listlevel\levelnfc23\level</w:t>
      </w:r>
      <w:r w:rsidRPr="00651F56">
        <w:rPr>
          <w:rFonts w:ascii="Courier New" w:hAnsi="Courier New" w:cs="Courier New"/>
        </w:rPr>
        <w:t>nfcn23\leveljc0\leveljcn0\levelfollow0\levelstartat1\lvltentative\levelspace0\levelindent0{\leveltext\leveltemplateid68747267\'01o;}{\levelnumbers;}\f2\fbias0 \fi-360\li360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3600\lin3600 }{\listlevel\levelnfc23\levelnfcn23\leveljc0\leveljcn0\</w:t>
      </w:r>
      <w:r w:rsidRPr="00651F56">
        <w:rPr>
          <w:rFonts w:ascii="Courier New" w:hAnsi="Courier New" w:cs="Courier New"/>
        </w:rPr>
        <w:t>levelfollow0\levelstartat1\lvltentative\levelspace0\levelindent0{\leveltext\leveltemplateid68747269\'01{\uc1\u-3929 ?};}{\levelnumbers;}\f10\fbias0 \fi-360\li432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4320\lin4320 }{\listlevel\levelnfc23\levelnfcn23\leveljc0\leveljcn0\levelfollow</w:t>
      </w:r>
      <w:r w:rsidRPr="00651F56">
        <w:rPr>
          <w:rFonts w:ascii="Courier New" w:hAnsi="Courier New" w:cs="Courier New"/>
        </w:rPr>
        <w:t>0\levelstartat1\lvltentative\levelspace0\levelindent0{\leveltext\leveltemplateid68747265\'01{\uc1\u-3913 ?};}{\levelnumbers;}\f3\fbias0 \fi-360\li504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5040\lin5040 }{\listlevel\levelnfc23\levelnfcn23\leveljc0\leveljcn0\levelfollow0\levelstart</w:t>
      </w:r>
      <w:r w:rsidRPr="00651F56">
        <w:rPr>
          <w:rFonts w:ascii="Courier New" w:hAnsi="Courier New" w:cs="Courier New"/>
        </w:rPr>
        <w:t>at1\lvltentative\levelspace0\levelindent0{\leveltext\leveltemplateid68747267\'01o;}{\levelnumbers;}\f2\fbias0 \fi-360\li5760\jclisttab\tx5760\lin5760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lnfcn23\leveljc0\leveljcn0\levelfollow0\levelstartat1\lvltentative\levelspac</w:t>
      </w:r>
      <w:r w:rsidRPr="00651F56">
        <w:rPr>
          <w:rFonts w:ascii="Courier New" w:hAnsi="Courier New" w:cs="Courier New"/>
        </w:rPr>
        <w:t xml:space="preserve">e0\levelindent0{\leveltext\leveltemplateid68747269\'01{\uc1\u-3929 ?};}{\levelnumbers;}\f10\fbias0 \fi-360\li6480\jclisttab\tx6480\lin6480 }{\listname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;}\listid1876579265}{\list\listtemplateid409219744\listhybrid{\listlevel\levelnfc0\levelnfcn0\leveljc0\</w:t>
      </w:r>
      <w:r w:rsidRPr="00651F56">
        <w:rPr>
          <w:rFonts w:ascii="Courier New" w:hAnsi="Courier New" w:cs="Courier New"/>
        </w:rPr>
        <w:t xml:space="preserve">leveljcn0\levelfollow0\levelstartat1\levelspace0\levelindent0{\leveltext\leveltemplateid68747279\'02\'00.;}{\levelnumbers\'01;}\rtlch\fcs1 \a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bias0 \fi-360\li720\lin720 }{\listlevel\levelnfc4\levelnfcn4\leveljc0\leveljcn0\levelfollow0\lev</w:t>
      </w:r>
      <w:r w:rsidRPr="00651F56">
        <w:rPr>
          <w:rFonts w:ascii="Courier New" w:hAnsi="Courier New" w:cs="Courier New"/>
        </w:rPr>
        <w:t xml:space="preserve">elstartat1\lvltentative\levelspace0\levelindent0{\leveltext\leveltemplateid68747289\'02\'01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1440\lin1440 }{\listlevel\levelnfc2\levelnfcn2\leveljc2\leveljcn2\levelfollow0\levelstartat1\lvltenta</w:t>
      </w:r>
      <w:r w:rsidRPr="00651F56">
        <w:rPr>
          <w:rFonts w:ascii="Courier New" w:hAnsi="Courier New" w:cs="Courier New"/>
        </w:rPr>
        <w:t xml:space="preserve">tive\levelspace0\levelindent0{\leveltext\leveltemplateid68747291\'02\'02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180\li2160\lin2160 }{\listlevel\levelnfc0\levelnfcn0\leveljc0\leveljcn0\levelfollow0\levelstartat1\lvltentative\levelspace0\le</w:t>
      </w:r>
      <w:r w:rsidRPr="00651F56">
        <w:rPr>
          <w:rFonts w:ascii="Courier New" w:hAnsi="Courier New" w:cs="Courier New"/>
        </w:rPr>
        <w:t xml:space="preserve">velindent0{\leveltext\leveltemplateid68747279\'02\'03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2880\lin2880 }{\listlevel\levelnfc4\levelnfcn4\leveljc0\leveljcn0\levelfollow0\levelstartat1\lvltentative\levelspace0\levelindent0{\levelte</w:t>
      </w:r>
      <w:r w:rsidRPr="00651F56">
        <w:rPr>
          <w:rFonts w:ascii="Courier New" w:hAnsi="Courier New" w:cs="Courier New"/>
        </w:rPr>
        <w:t xml:space="preserve">xt\leveltemplateid68747289\'02\'04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3600\lin3600 }{\listlevel\levelnfc2\levelnfcn2\leveljc2\leveljcn2\levelfollow0\levelstartat1\lvltentative\levelspace0\levelindent0{\leveltext\leveltemplateid6</w:t>
      </w:r>
      <w:r w:rsidRPr="00651F56">
        <w:rPr>
          <w:rFonts w:ascii="Courier New" w:hAnsi="Courier New" w:cs="Courier New"/>
        </w:rPr>
        <w:t xml:space="preserve">8747291\'02\'05.;}{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180\li4320\lin4320 }{\listlevel\levelnfc0\levelnfcn0\leveljc0\leveljcn0\levelfollow0\levelstartat1\lvltentative\levelspace0\levelindent0{\leveltext\leveltemplateid68747279\'02\'06.;}{</w:t>
      </w:r>
      <w:r w:rsidRPr="00651F56">
        <w:rPr>
          <w:rFonts w:ascii="Courier New" w:hAnsi="Courier New" w:cs="Courier New"/>
        </w:rPr>
        <w:t xml:space="preserve">\levelnumbers\'01;}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5040\lin5040 }{\listlevel\levelnfc4\levelnfcn4\leveljc0\leveljcn0\levelfollow0\levelstartat1\lvltentative\levelspace0\levelindent0{\leveltext\leveltemplateid68747289\'02\'07.;}{\levelnumbers\'01;}</w:t>
      </w:r>
      <w:r w:rsidRPr="00651F56">
        <w:rPr>
          <w:rFonts w:ascii="Courier New" w:hAnsi="Courier New" w:cs="Courier New"/>
        </w:rPr>
        <w:t xml:space="preserve">\rtlch\fcs1 \af0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5760\lin5760 }{\listlevel\levelnfc2\levelnfcn2\leveljc2\leveljcn2\levelfollow0\levelstartat1\lvltentative\levelspace0\levelindent0{\leveltext\leveltemplateid68747291\'02\'08.;}{\levelnumbers\'01;}\rtlch\fcs1 \af0 \l</w:t>
      </w:r>
      <w:r w:rsidRPr="00651F56">
        <w:rPr>
          <w:rFonts w:ascii="Courier New" w:hAnsi="Courier New" w:cs="Courier New"/>
        </w:rPr>
        <w:t xml:space="preserve">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180\li6480\lin6480 }{\listname ;}\listid1880360296}{\list\listtemplateid1734362472\listhybrid{\listlevel\levelnfc23\levelnfcn23\leveljc0\leveljcn0\levelfollow0\levelstartat1\levelspace360\levelindent0{\leveltext\leveltemplateid68747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</w:t>
      </w:r>
      <w:r w:rsidRPr="00651F56">
        <w:rPr>
          <w:rFonts w:ascii="Courier New" w:hAnsi="Courier New" w:cs="Courier New"/>
        </w:rPr>
        <w:t>1{\uc1\u-3913 ?};}{\levelnumbers;}\f3\fbias0 \fi-360\li720\lin720 }{\listlevel\levelnfc23\levelnfcn23\leveljc0\leveljcn0\levelfollow0\levelstartat1\lvltentative\levelspace360\levelindent0{\leveltext\leveltemplateid68747267\'01o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2\fbias</w:t>
      </w:r>
      <w:r w:rsidRPr="00651F56">
        <w:rPr>
          <w:rFonts w:ascii="Courier New" w:hAnsi="Courier New" w:cs="Courier New"/>
        </w:rPr>
        <w:t xml:space="preserve">0 \fi-360\li1440\lin1440 }{\listlevel\levelnfc23\levelnfcn23\leveljc0\leveljcn0\levelfollow0\levelstartat1\lvltentative\levelspace360\levelindent0{\leveltext\leveltemplateid68747269\'01{\uc1\u-3929 ?};}{\levelnumbers;}\f10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2160\lin2160 }</w:t>
      </w:r>
      <w:r w:rsidRPr="00651F56">
        <w:rPr>
          <w:rFonts w:ascii="Courier New" w:hAnsi="Courier New" w:cs="Courier New"/>
        </w:rPr>
        <w:t>{\listlevel\levelnfc23\levelnfcn23\leveljc0\leveljcn0\levelfollow0\levelstartat1\lvltentative\levelspace360\levelindent0{\leveltext\leveltemplateid68747265\'01{\uc1\u-3913 ?};}{\levelnumbers;}\f3\fbias0 \fi-360\li2880\lin2880 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level\levelnfc23\leve</w:t>
      </w:r>
      <w:r w:rsidRPr="00651F56">
        <w:rPr>
          <w:rFonts w:ascii="Courier New" w:hAnsi="Courier New" w:cs="Courier New"/>
        </w:rPr>
        <w:t>lnfcn23\leveljc0\leveljcn0\levelfollow0\levelstartat1\lvltentative\levelspace360\levelindent0{\leveltext\leveltemplateid68747267\'01o;}{\levelnumbers;}\f2\fbias0 \fi-360\li3600\lin3600 }{\listlevel\levelnfc23\levelnfcn2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0\leveljcn0\levelfollow0\l</w:t>
      </w:r>
      <w:r w:rsidRPr="00651F56">
        <w:rPr>
          <w:rFonts w:ascii="Courier New" w:hAnsi="Courier New" w:cs="Courier New"/>
        </w:rPr>
        <w:t>evelstartat1\lvltentative\levelspace360\levelindent0{\leveltext\leveltemplateid68747269\'01{\uc1\u-3929 ?};}{\levelnumbers;}\f10\fbias0 \fi-360\li4320\lin4320 }{\listlevel\levelnfc23\levelnfcn23\leveljc0\leveljcn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follow0\levelstartat1\lvltentative\</w:t>
      </w:r>
      <w:r w:rsidRPr="00651F56">
        <w:rPr>
          <w:rFonts w:ascii="Courier New" w:hAnsi="Courier New" w:cs="Courier New"/>
        </w:rPr>
        <w:t>levelspace360\levelindent0{\leveltext\leveltemplateid68747265\'01{\uc1\u-3913 ?};}{\levelnumbers;}\f3\fbias0 \fi-360\li5040\lin5040 }{\listlevel\levelnfc23\levelnfcn23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360\levelindent0{</w:t>
      </w:r>
      <w:r w:rsidRPr="00651F56">
        <w:rPr>
          <w:rFonts w:ascii="Courier New" w:hAnsi="Courier New" w:cs="Courier New"/>
        </w:rPr>
        <w:t>\leveltext\leveltemplateid68747267\'01o;}{\levelnumbers;}\f2\fbias0 \fi-360\li5760\lin5760 }{\listlevel\levelnfc23\levelnfcn23\leveljc0\leveljcn0\levelfollow0\levelstartat1\lvltentative\levelspace36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68747269\'01{\u</w:t>
      </w:r>
      <w:r w:rsidRPr="00651F56">
        <w:rPr>
          <w:rFonts w:ascii="Courier New" w:hAnsi="Courier New" w:cs="Courier New"/>
        </w:rPr>
        <w:t>c1\u-3929 ?};}{\levelnumbers;}\f10\fbias0 \fi-360\li6480\lin6480 }{\listname ;}\listid1944923409}{\list\listtemplateid1522436852\listhybrid{\listlevel\levelnfc0\levelnfc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evelspace0\levelindent0{\leveltext\</w:t>
      </w:r>
      <w:r w:rsidRPr="00651F56">
        <w:rPr>
          <w:rFonts w:ascii="Courier New" w:hAnsi="Courier New" w:cs="Courier New"/>
        </w:rPr>
        <w:t>leveltemplateid68747279\'02\'00.;}{\levelnumbers\'01;}\rtlch\fcs1 \af0 \ltrch\fcs0 \fbias0 \fi-360\li720\jclisttab\tx720\lin720 }{\listlevel\levelnfc4\levelnfcn4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</w:t>
      </w:r>
      <w:r w:rsidRPr="00651F56">
        <w:rPr>
          <w:rFonts w:ascii="Courier New" w:hAnsi="Courier New" w:cs="Courier New"/>
        </w:rPr>
        <w:t>xt\leveltemplateid68747289\'02\'01.;}{\levelnumbers\'01;}\rtlch\fcs1 \af0 \ltrch\fcs0 \fi-360\li1440\jclisttab\tx1440\lin1440 }{\listlevel\levelnfc2\levelnfcn2\leveljc2\leveljcn2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</w:t>
      </w:r>
      <w:r w:rsidRPr="00651F56">
        <w:rPr>
          <w:rFonts w:ascii="Courier New" w:hAnsi="Courier New" w:cs="Courier New"/>
        </w:rPr>
        <w:t>\leveltemplateid68747291\'02\'02.;}{\levelnumbers\'01;}\rtlch\fcs1 \af0 \ltrch\fcs0 \fi-180\li2160\jclisttab\tx2160\lin2160 }{\listlevel\levelnfc0\levelnfc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</w:t>
      </w:r>
      <w:r w:rsidRPr="00651F56">
        <w:rPr>
          <w:rFonts w:ascii="Courier New" w:hAnsi="Courier New" w:cs="Courier New"/>
        </w:rPr>
        <w:t>eveltemplateid68747279\'02\'03.;}{\levelnumbers\'01;}\rtlch\fcs1 \af0 \ltrch\fcs0 \fi-360\li2880\jclisttab\tx2880\lin2880 }{\listlevel\levelnfc4\levelnfcn4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</w:t>
      </w:r>
      <w:r w:rsidRPr="00651F56">
        <w:rPr>
          <w:rFonts w:ascii="Courier New" w:hAnsi="Courier New" w:cs="Courier New"/>
        </w:rPr>
        <w:t>eltemplateid68747289\'02\'04.;}{\levelnumbers\'01;}\rtlch\fcs1 \af0 \ltrch\fcs0 \fi-360\li3600\jclisttab\tx3600\lin3600 }{\listlevel\levelnfc2\levelnfcn2\leveljc2\leveljcn2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</w:t>
      </w:r>
      <w:r w:rsidRPr="00651F56">
        <w:rPr>
          <w:rFonts w:ascii="Courier New" w:hAnsi="Courier New" w:cs="Courier New"/>
        </w:rPr>
        <w:t>templateid68747291\'02\'05.;}{\levelnumbers\'01;}\rtlch\fcs1 \af0 \ltrch\fcs0 \fi-180\li4320\jclisttab\tx4320\lin4320 }{\listlevel\levelnfc0\levelnfcn0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</w:t>
      </w:r>
      <w:r w:rsidRPr="00651F56">
        <w:rPr>
          <w:rFonts w:ascii="Courier New" w:hAnsi="Courier New" w:cs="Courier New"/>
        </w:rPr>
        <w:t>mplateid68747279\'02\'06.;}{\levelnumbers\'01;}\rtlch\fcs1 \af0 \ltrch\fcs0 \fi-360\li5040\jclisttab\tx5040\lin5040 }{\listlevel\levelnfc4\levelnfcn4\leveljc0\leveljcn0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</w:t>
      </w:r>
      <w:r w:rsidRPr="00651F56">
        <w:rPr>
          <w:rFonts w:ascii="Courier New" w:hAnsi="Courier New" w:cs="Courier New"/>
        </w:rPr>
        <w:t>lateid68747289\'02\'07.;}{\levelnumbers\'01;}\rtlch\fcs1 \af0 \ltrch\fcs0 \fi-360\li5760\jclisttab\tx5760\lin5760 }{\listlevel\levelnfc2\levelnfcn2\leveljc2\leveljcn2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</w:t>
      </w:r>
      <w:r w:rsidRPr="00651F56">
        <w:rPr>
          <w:rFonts w:ascii="Courier New" w:hAnsi="Courier New" w:cs="Courier New"/>
        </w:rPr>
        <w:t>teid68747291\'02\'08.;}{\levelnumbers\'01;}\rtlch\fcs1 \af0 \ltrch\fcs0 \fi-180\li6480\jclisttab\tx6480\lin6480 }{\listname ;}\listid1989288312}{\list\listtemplateid-184468402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isthybrid{\listlevel\levelnfc0\levelnfcn0\leveljc0\leveljcn0\levelfollow0\le</w:t>
      </w:r>
      <w:r w:rsidRPr="00651F56">
        <w:rPr>
          <w:rFonts w:ascii="Courier New" w:hAnsi="Courier New" w:cs="Courier New"/>
        </w:rPr>
        <w:t>velstartat1\levelspace0\levelindent0{\leveltext\leveltemplateid725509780\'02\'00);}{\levelnumbers\'01;}\rtlch\fcs1 \af0 \ltrch\fcs0 \fbias0 \fi-360\li1080\lin1080 }{\listlevel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4\levelnfcn4\leveljc0\leveljcn0\levelfollow0\levelstartat1\lvltentativ</w:t>
      </w:r>
      <w:r w:rsidRPr="00651F56">
        <w:rPr>
          <w:rFonts w:ascii="Courier New" w:hAnsi="Courier New" w:cs="Courier New"/>
        </w:rPr>
        <w:t>e\levelspace0\levelindent0{\leveltext\leveltemplateid68747289\'02\'01.;}{\levelnumbers\'01;}\rtlch\fcs1 \af0 \ltrch\fcs0 \fi-360\li1800\lin1800 }{\listlevel\levelnfc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n2\leveljc2\leveljcn2\levelfollow0\levelstartat1\lvltentative\levelspace0\level</w:t>
      </w:r>
      <w:r w:rsidRPr="00651F56">
        <w:rPr>
          <w:rFonts w:ascii="Courier New" w:hAnsi="Courier New" w:cs="Courier New"/>
        </w:rPr>
        <w:t>indent0{\leveltext\leveltemplateid68747291\'02\'02.;}{\levelnumbers\'01;}\rtlch\fcs1 \af0 \ltrch\fcs0 \fi-180\li2520\lin2520 }{\listlevel\levelnfc0\levelnfcn0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vltentative\levelspace0\levelindent0{\leveltext\</w:t>
      </w:r>
      <w:r w:rsidRPr="00651F56">
        <w:rPr>
          <w:rFonts w:ascii="Courier New" w:hAnsi="Courier New" w:cs="Courier New"/>
        </w:rPr>
        <w:t>leveltemplateid68747279\'02\'03.;}{\levelnumbers\'01;}\rtlch\fcs1 \af0 \ltrch\fcs0 \fi-360\li3240\lin3240 }{\listlevel\levelnfc4\levelnfcn4\leveljc0\leveljcn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follow0\levelstartat1\lvltentative\levelspace0\levelindent0{\leveltext\leveltemplateid6874</w:t>
      </w:r>
      <w:r w:rsidRPr="00651F56">
        <w:rPr>
          <w:rFonts w:ascii="Courier New" w:hAnsi="Courier New" w:cs="Courier New"/>
        </w:rPr>
        <w:t>7289\'02\'04.;}{\levelnumbers\'01;}\rtlch\fcs1 \af0 \ltrch\fcs0 \fi-360\li3960\lin3960 }{\listlevel\levelnfc2\levelnfcn2\leveljc2\leveljcn2\levelfollow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\lvltentative\levelspace0\levelindent0{\leveltext\leveltemplateid68747291\'02\'05.;}{\le</w:t>
      </w:r>
      <w:r w:rsidRPr="00651F56">
        <w:rPr>
          <w:rFonts w:ascii="Courier New" w:hAnsi="Courier New" w:cs="Courier New"/>
        </w:rPr>
        <w:t>velnumbers\'01;}\rtlch\fcs1 \af0 \ltrch\fcs0 \fi-180\li4680\lin4680 }{\listlevel\levelnfc0\levelnfcn0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0\levelindent0{\leveltext\leveltemplateid68747279\'02\'06.;}{\levelnumbers\'01;}\rt</w:t>
      </w:r>
      <w:r w:rsidRPr="00651F56">
        <w:rPr>
          <w:rFonts w:ascii="Courier New" w:hAnsi="Courier New" w:cs="Courier New"/>
        </w:rPr>
        <w:t>lch\fcs1 \af0 \ltrch\fcs0 \fi-360\li5400\lin5400 }{\listlevel\levelnfc4\levelnfcn4\leveljc0\leveljcn0\levelfollow0\levelstartat1\lvltentativ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pace0\levelindent0{\leveltext\leveltemplateid68747289\'02\'07.;}{\levelnumbers\'01;}\rtlch\fcs1 \af0 \ltrc</w:t>
      </w:r>
      <w:r w:rsidRPr="00651F56">
        <w:rPr>
          <w:rFonts w:ascii="Courier New" w:hAnsi="Courier New" w:cs="Courier New"/>
        </w:rPr>
        <w:t>h\fcs0 \fi-360\li6120\lin6120 }{\listlevel\levelnfc2\levelnfcn2\leveljc2\leveljcn2\levelfollow0\levelstartat1\lvltentative\levelspac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indent0{\leveltext\leveltemplateid68747291\'02\'08.;}{\levelnumbers\'01;}\rtlch\fcs1 \af0 \ltrch\fcs0 \fi-180\li68</w:t>
      </w:r>
      <w:r w:rsidRPr="00651F56">
        <w:rPr>
          <w:rFonts w:ascii="Courier New" w:hAnsi="Courier New" w:cs="Courier New"/>
        </w:rPr>
        <w:t>40\lin6840 }{\listname ;}\listid2067793732}{\list\listtemplateid-154371250\listhybrid{\listlevel\levelnfc23\levelnfcn23\levelj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jcn0\levelfollow0\levelstartat1\levelspace360\levelindent0{\leveltext\leveltemplateid68747277\'01{\uc1\u-3844 ?};}{\leve</w:t>
      </w:r>
      <w:r w:rsidRPr="00651F56">
        <w:rPr>
          <w:rFonts w:ascii="Courier New" w:hAnsi="Courier New" w:cs="Courier New"/>
        </w:rPr>
        <w:t>lnumbers;}\f10\fbias0 \fi-360\li720\lin720 }{\listlevel\levelnfc23\levelnfcn23\leveljc0\leveljcn0\levelfollow0\levelstartat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vltentative\levelspace360\levelindent0{\leveltext\leveltemplateid68747267\'01o;}{\levelnumbers;}\f2\fbias0 \fi-360\li1440\lin144</w:t>
      </w:r>
      <w:r w:rsidRPr="00651F56">
        <w:rPr>
          <w:rFonts w:ascii="Courier New" w:hAnsi="Courier New" w:cs="Courier New"/>
        </w:rPr>
        <w:t>0 }{\listlevel\levelnfc23\levelnfcn23\leveljc0\leveljcn0\levelfollow0\levelstartat1\lvltentative\levelspace360\levelindent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eveltext\leveltemplateid68747269\'01{\uc1\u-3929 ?};}{\levelnumbers;}\f10\fbias0 \fi-360\li2160\lin2160 }{\listlevel\levelnfc23\</w:t>
      </w:r>
      <w:r w:rsidRPr="00651F56">
        <w:rPr>
          <w:rFonts w:ascii="Courier New" w:hAnsi="Courier New" w:cs="Courier New"/>
        </w:rPr>
        <w:t>levelnfcn23\leveljc0\leveljcn0\levelfollow0\levelstartat1\lvltentative\levelspace360\levelindent0{\leveltex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templateid68747265\'01{\uc1\u-3913 ?};}{\levelnumbers;}\f3\fbias0 \fi-360\li2880\lin2880 }{\listlevel\levelnfc23\levelnfcn23\leveljc0\levelj</w:t>
      </w:r>
      <w:r w:rsidRPr="00651F56">
        <w:rPr>
          <w:rFonts w:ascii="Courier New" w:hAnsi="Courier New" w:cs="Courier New"/>
        </w:rPr>
        <w:t>cn0\levelfollow0\levelstartat1\lvltentative\levelspace360\levelindent0{\leveltext\leveltemplateid6874726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01o;}{\levelnumbers;}\f2\fbias0 \fi-360\li3600\lin3600 }{\listlevel\levelnfc23\levelnfcn23\leveljc0\leveljcn0\levelfollow0\levelstartat1\lvltentati</w:t>
      </w:r>
      <w:r w:rsidRPr="00651F56">
        <w:rPr>
          <w:rFonts w:ascii="Courier New" w:hAnsi="Courier New" w:cs="Courier New"/>
        </w:rPr>
        <w:t>ve\levelspace360\levelindent0{\leveltext\leveltemplateid68747269\'01{\uc1\u-3929 ?};}{\levelnumbers;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10\fbias0 \fi-360\li4320\lin4320 }{\listlevel\levelnfc23\levelnfcn23\leveljc0\leveljcn0\levelfollow0\levelstartat1\lvltentative\levelspace360\levelinde</w:t>
      </w:r>
      <w:r w:rsidRPr="00651F56">
        <w:rPr>
          <w:rFonts w:ascii="Courier New" w:hAnsi="Courier New" w:cs="Courier New"/>
        </w:rPr>
        <w:t xml:space="preserve">nt0{\leveltext\leveltemplateid68747265\'01{\uc1\u-3913 ?};}{\levelnumbers;}\f3\fbia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i-360\li5040\lin5040 }{\listlevel\levelnfc23\levelnfcn23\leveljc0\leveljcn0\levelfollow0\levelstartat1\lvltentative\levelspace360\levelindent0{\leveltext\leveltemplat</w:t>
      </w:r>
      <w:r w:rsidRPr="00651F56">
        <w:rPr>
          <w:rFonts w:ascii="Courier New" w:hAnsi="Courier New" w:cs="Courier New"/>
        </w:rPr>
        <w:t>eid68747267\'01o;}{\levelnumbers;}\f2\fbias0 \fi-360\li5760\lin5760 }{\listlevel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nfc23\levelnfcn23\leveljc0\leveljcn0\levelfollow0\levelstartat1\lvltentative\levelspace360\levelindent0{\leveltext\leveltemplateid68747269\'01{\uc1\u-3929 ?};}{\levelnu</w:t>
      </w:r>
      <w:r w:rsidRPr="00651F56">
        <w:rPr>
          <w:rFonts w:ascii="Courier New" w:hAnsi="Courier New" w:cs="Courier New"/>
        </w:rPr>
        <w:t>mbers;}\f10\fbias0 \fi-360\li6480\lin6480 }{\listname ;}\listid2115706504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\listtemplateid-2015433038\listhybrid{\listlevel\levelnfc0\levelnfcn0\leveljc0\leveljcn0\levelfollow0\levelstartat1\levelspace0\levelindent0{\leveltext\leveltemplateid6874728</w:t>
      </w:r>
      <w:r w:rsidRPr="00651F56">
        <w:rPr>
          <w:rFonts w:ascii="Courier New" w:hAnsi="Courier New" w:cs="Courier New"/>
        </w:rPr>
        <w:t>1\'02\'00);}{\levelnumbers\'01;}\rtlch\fcs1 \af0 \ltrch\fcs0 \fi-360\li72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720\lin720 }{\listlevel\levelnfc0\levelnfcn0\leveljc0\leveljcn0\levelfollow0\levelstartat1\levelspace0\levelindent0{\leveltext\leveltemplateid68747289\'02\'01.;}{\leve</w:t>
      </w:r>
      <w:r w:rsidRPr="00651F56">
        <w:rPr>
          <w:rFonts w:ascii="Courier New" w:hAnsi="Courier New" w:cs="Courier New"/>
        </w:rPr>
        <w:t>lnumbers\'01;}\rtlch\fcs1 \af0 \ltrch\fcs0 \fi-360\li144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1440\lin1440 }{\listlevel\levelnfc0\levelnfcn0\leveljc0\leveljcn0\levelfollow0\levelstartat1\levelspace0\levelindent0{\leveltext\leveltemplateid68747291\'02\'02.;}{\levelnumbers\'01;}\</w:t>
      </w:r>
      <w:r w:rsidRPr="00651F56">
        <w:rPr>
          <w:rFonts w:ascii="Courier New" w:hAnsi="Courier New" w:cs="Courier New"/>
        </w:rPr>
        <w:t>rtlch\fcs1 \af0 \ltrch\fcs0 \fi-360\li216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2160\lin2160 }{\listlevel\levelnfc0\levelnfcn0\leveljc0\leveljcn0\levelfollow0\levelstartat1\levelspace0\levelindent0{\leveltext\leveltemplateid68747279\'02\'03.;}{\levelnumbers\'01;}\rtlch\fcs1 \af0</w:t>
      </w:r>
      <w:r w:rsidRPr="00651F56">
        <w:rPr>
          <w:rFonts w:ascii="Courier New" w:hAnsi="Courier New" w:cs="Courier New"/>
        </w:rPr>
        <w:t xml:space="preserve"> \ltrch\fcs0 \fi-360\li288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2880\lin2880 }{\listlevel\levelnfc0\levelnfcn0\leveljc0\leveljcn0\levelfollow0\levelstartat1\levelspace0\levelindent0{\leveltext\leveltemplateid68747289\'02\'04.;}{\levelnumbers\'01;}\rtlch\fcs1 \af0 \ltrch\fcs0 \f</w:t>
      </w:r>
      <w:r w:rsidRPr="00651F56">
        <w:rPr>
          <w:rFonts w:ascii="Courier New" w:hAnsi="Courier New" w:cs="Courier New"/>
        </w:rPr>
        <w:t>i-360\li360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3600\lin3600 }{\listlevel\levelnfc0\levelnfcn0\leveljc0\leveljcn0\levelfollow0\levelstartat1\levelspace0\levelindent0{\leveltext\leveltemplateid68747291\'02\'05.;}{\levelnumbers\'01;}\rtlch\fcs1 \af0 \ltrch\fcs0 \fi-360\li432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</w:t>
      </w:r>
      <w:r w:rsidRPr="00651F56">
        <w:rPr>
          <w:rFonts w:ascii="Courier New" w:hAnsi="Courier New" w:cs="Courier New"/>
        </w:rPr>
        <w:t>jclisttab\tx4320\lin4320 }{\listlevel\levelnfc0\levelnfcn0\leveljc0\leveljcn0\levelfollow0\levelstartat1\levelspace0\levelindent0{\leveltext\leveltemplateid68747279\'02\'06.;}{\levelnumbers\'01;}\rtlch\fcs1 \af0 \ltrch\fcs0 \fi-360\li504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504</w:t>
      </w:r>
      <w:r w:rsidRPr="00651F56">
        <w:rPr>
          <w:rFonts w:ascii="Courier New" w:hAnsi="Courier New" w:cs="Courier New"/>
        </w:rPr>
        <w:t>0\lin5040 }{\listlevel\levelnfc0\levelnfcn0\leveljc0\leveljcn0\levelfollow0\levelstartat1\levelspace0\levelindent0{\leveltext\leveltemplateid68747289\'02\'07.;}{\levelnumbers\'01;}\rtlch\fcs1 \af0 \ltrch\fcs0 \fi-360\li576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5760\lin5760 }{\li</w:t>
      </w:r>
      <w:r w:rsidRPr="00651F56">
        <w:rPr>
          <w:rFonts w:ascii="Courier New" w:hAnsi="Courier New" w:cs="Courier New"/>
        </w:rPr>
        <w:t>stlevel\levelnfc0\levelnfcn0\leveljc0\leveljcn0\levelfollow0\levelstartat1\levelspace0\levelindent0{\leveltext\leveltemplateid68747291\'02\'08.;}{\levelnumbers\'01;}\rtlch\fcs1 \af0 \ltrch\fcs0 \fi-360\li648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clisttab\tx6480\lin6480 }{\listname ;}\listi</w:t>
      </w:r>
      <w:r w:rsidRPr="00651F56">
        <w:rPr>
          <w:rFonts w:ascii="Courier New" w:hAnsi="Courier New" w:cs="Courier New"/>
        </w:rPr>
        <w:t>d2126921340}}{\*\listoverridetable{\listoverride\listid180551690\listoverridecount0\ls1}{\listoverride\listid1218779727\listoverridecount0\ls2}{\listoverride\listid1109665100\listoverridecount0\ls3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override\listid211624994\listoverridecount9{\lfole</w:t>
      </w:r>
      <w:r w:rsidRPr="00651F56">
        <w:rPr>
          <w:rFonts w:ascii="Courier New" w:hAnsi="Courier New" w:cs="Courier New"/>
        </w:rPr>
        <w:t>vel\listoverridestartat\levelstartat1}{\lfolevel\listoverridestartat\levelstartat1}{\lfolevel\listoverridestartat\levelstartat1}{\lfolevel\listoverridestartat\levelstartat1}{\lfolevel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istoverridestartat\levelstartat1}{\lfolevel\listoverridestartat\level</w:t>
      </w:r>
      <w:r w:rsidRPr="00651F56">
        <w:rPr>
          <w:rFonts w:ascii="Courier New" w:hAnsi="Courier New" w:cs="Courier New"/>
        </w:rPr>
        <w:t>startat1}{\lfolevel\listoverridestartat\levelstartat1}{\lfolevel\listoverridestartat\levelstartat1}{\lfolevel\listoverridestartat\levelstartat1}\ls4}{\listoverride\listid162407513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istoverridecount0\ls5}{\listoverride\listid465785144\listoverridecount0\</w:t>
      </w:r>
      <w:r w:rsidRPr="00651F56">
        <w:rPr>
          <w:rFonts w:ascii="Courier New" w:hAnsi="Courier New" w:cs="Courier New"/>
        </w:rPr>
        <w:t>ls6}{\listoverride\listid1880360296\listoverridecount0\ls7}{\listoverride\listid1989288312\listoverridecount0\ls8}{\listoverride\listid1763262427\listoverridecount0\ls9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override\listid27608690\listoverridecount0\ls10}{\listoverride\listid441072414\</w:t>
      </w:r>
      <w:r w:rsidRPr="00651F56">
        <w:rPr>
          <w:rFonts w:ascii="Courier New" w:hAnsi="Courier New" w:cs="Courier New"/>
        </w:rPr>
        <w:t>listoverridecount0\ls11}{\listoverride\listid248193611\listoverridecount0\ls12}{\listoverride\listid231162556\listoverridecount0\ls13}{\listoverride\listid18765792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istoverridecount0\ls14}{\listoverride\listid774599217\listoverridecount0\ls15}{\listove</w:t>
      </w:r>
      <w:r w:rsidRPr="00651F56">
        <w:rPr>
          <w:rFonts w:ascii="Courier New" w:hAnsi="Courier New" w:cs="Courier New"/>
        </w:rPr>
        <w:t>rride\listid1757357770\listoverridecount0\ls16}{\listoverride\listid221406468\listoverridecount0\ls17}{\listoverride\listid2067793732\listoverridecount0\ls18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override\listid933975713\listoverridecount0\ls19}{\listoverride\listid780879535\listoverri</w:t>
      </w:r>
      <w:r w:rsidRPr="00651F56">
        <w:rPr>
          <w:rFonts w:ascii="Courier New" w:hAnsi="Courier New" w:cs="Courier New"/>
        </w:rPr>
        <w:t>decount0\ls20}{\listoverride\listid1421246143\listoverridecount0\ls21}{\listoverride\listid152840754\listoverridecount9{\lfolevel\listoverridestarta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}{\lfolevel\listoverridestartat\levelstartat1}{\lfolevel\listoverridestartat\levelstartat1}</w:t>
      </w:r>
      <w:r w:rsidRPr="00651F56">
        <w:rPr>
          <w:rFonts w:ascii="Courier New" w:hAnsi="Courier New" w:cs="Courier New"/>
        </w:rPr>
        <w:t>{\lfolevel\listoverridestartat\levelstartat1}{\lfolevel\listoverridestartat\levelstartat1}{\lfolevel\listoverridestartat\levelstartat1}{\lfolevel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istoverridestartat\levelstartat1}{\lfolevel\listoverridestartat\levelstartat1}{\lfolevel\listoverridestarta</w:t>
      </w:r>
      <w:r w:rsidRPr="00651F56">
        <w:rPr>
          <w:rFonts w:ascii="Courier New" w:hAnsi="Courier New" w:cs="Courier New"/>
        </w:rPr>
        <w:t>t\levelstartat1}\ls22}{\listoverride\listid1201015302\listoverridecount0\ls23}{\listoverride\listid12002800\listoverridecount0\ls24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override\listid1454254983\listoverridecount0\ls25}{\listoverride\listid530343067\listoverridecount0\ls26}{\listoverr</w:t>
      </w:r>
      <w:r w:rsidRPr="00651F56">
        <w:rPr>
          <w:rFonts w:ascii="Courier New" w:hAnsi="Courier New" w:cs="Courier New"/>
        </w:rPr>
        <w:t>ide\listid1551838186\listoverridecount0\ls27}{\listoverride\listid856576716\listoverridecount0\ls28}{\listoverride\listid7146546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istoverridecount0\ls29}{\listoverride\listid1814713574\listoverridecount0\ls30}{\listoverride\listid1167478957\listoverride</w:t>
      </w:r>
      <w:r w:rsidRPr="00651F56">
        <w:rPr>
          <w:rFonts w:ascii="Courier New" w:hAnsi="Courier New" w:cs="Courier New"/>
        </w:rPr>
        <w:t>count0\ls31}{\listoverride\listid2115706504\listoverridecount0\ls32}{\listoverride\listid10\listoverridecount0\ls33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override\listid10\listoverridecount9{\lfolevel\listoverridestartat\levelstartat0}{\lfolevel\listoverridestartat\levelstartat8}{\lfol</w:t>
      </w:r>
      <w:r w:rsidRPr="00651F56">
        <w:rPr>
          <w:rFonts w:ascii="Courier New" w:hAnsi="Courier New" w:cs="Courier New"/>
        </w:rPr>
        <w:t>evel\listoverridestartat\levelstartat1}{\lfolevel\listoverridestartat\levelstartat1}{\lfolevel\listoverridestarta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}{\lfolevel\listoverridestartat\levelstartat1}{\lfolevel\listoverridestartat\levelstartat1}{\lfolevel\listoverridestartat\leve</w:t>
      </w:r>
      <w:r w:rsidRPr="00651F56">
        <w:rPr>
          <w:rFonts w:ascii="Courier New" w:hAnsi="Courier New" w:cs="Courier New"/>
        </w:rPr>
        <w:t>lstartat1}{\lfolevel\listoverridestartat\levelstartat1}\ls34}{\listoverride\listid10\listoverridecount9{\lfolevel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folevel\listoverridestartat\levelstartat8}{\lfolevel\listoverridestartat\levelstartat1}{\lfolevel\listoverridestartat\levelstartat1}{\lfo</w:t>
      </w:r>
      <w:r w:rsidRPr="00651F56">
        <w:rPr>
          <w:rFonts w:ascii="Courier New" w:hAnsi="Courier New" w:cs="Courier New"/>
        </w:rPr>
        <w:t>level\listoverridestartat\levelstartat1}{\lfolevel\listoverridestartat\levelstartat1}{\lfolevel\listoverridestarta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evelstartat1}{\lfolevel\listoverridestartat\levelstartat1}{\lfolevel\listoverridestartat\levelstartat1}\ls35}{\listoverride\listid7146546</w:t>
      </w:r>
      <w:r w:rsidRPr="00651F56">
        <w:rPr>
          <w:rFonts w:ascii="Courier New" w:hAnsi="Courier New" w:cs="Courier New"/>
        </w:rPr>
        <w:t>8\listoverridecount9{\lfolevel}{\lfolevel}{\lfolevel}{\lfolevel}{\lfolevel}{\lfolevel}{\lfolevel}{\lfolevel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folevel}\ls36}{\listoverride\listid221406468\listoverridecount9{\lfolevel}{\lfolevel}{\lfolevel}{\lfolevel}{\lfolevel}{\lfolevel}{\lfolevel}{\l</w:t>
      </w:r>
      <w:r w:rsidRPr="00651F56">
        <w:rPr>
          <w:rFonts w:ascii="Courier New" w:hAnsi="Courier New" w:cs="Courier New"/>
        </w:rPr>
        <w:t>folevel}{\lfolevel}\ls37}{\listoverride\listid2126921340\listoverridecount0\ls38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override\listid917397178\listoverridecount0\ls39}{\listoverride\listid22\listoverridecount0\ls40}{\listoverride\listid17\listoverridecount0\ls41}{\listoverride\listid8</w:t>
      </w:r>
      <w:r w:rsidRPr="00651F56">
        <w:rPr>
          <w:rFonts w:ascii="Courier New" w:hAnsi="Courier New" w:cs="Courier New"/>
        </w:rPr>
        <w:t>77623024\listoverridecount0\ls42}{\listoverride\listid126021563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istoverridecount0\ls43}{\listoverride\listid1597209855\listoverridecount0\ls44}{\listoverride\listid1824005111\listoverridecount0\ls45}{\listoverride\listid221601980\listoverridecount0\ls4</w:t>
      </w:r>
      <w:r w:rsidRPr="00651F56">
        <w:rPr>
          <w:rFonts w:ascii="Courier New" w:hAnsi="Courier New" w:cs="Courier New"/>
        </w:rPr>
        <w:t>6}{\listoverride\listid1944923409\listoverridecount0\ls47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listoverride\listid1647662000\listoverridecount0\ls48}{\listoverride\listid21\listoverridecount0\ls49}}{\*\pgptbl {\pgp\ipgp0\itap0\li0\ri0\sb0\sa0}}{\*\rsidtbl \rsid287078\rsid334835\rsid397023</w:t>
      </w:r>
      <w:r w:rsidRPr="00651F56">
        <w:rPr>
          <w:rFonts w:ascii="Courier New" w:hAnsi="Courier New" w:cs="Courier New"/>
        </w:rPr>
        <w:t>\rsid408870\rsid472349\rsid538368\rsid667693\rsid72213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738153\rsid742740\rsid856855\rsid869368\rsid1057609\rsid1064011\rsid1124985\rsid1126345\rsid1146518\rsid1197960\rsid1198013\rsid1250456\rsid1259576\rsid1263303\rsid1277861\rsid1330303\rsid133419</w:t>
      </w:r>
      <w:r w:rsidRPr="00651F56">
        <w:rPr>
          <w:rFonts w:ascii="Courier New" w:hAnsi="Courier New" w:cs="Courier New"/>
        </w:rPr>
        <w:t>7\rsid1507856\rsid1519707\rsid1647064\rsid171891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1780148\rsid1787199\rsid1901420\rsid1975913\rsid1991179\rsid2047675\rsid2121949\rsid2123312\rsid2127843\rsid2170279\rsid2188077\rsid2252537\rsid2260717\rsid2305400\rsid2451716\rsid2646131\rsid2650702\</w:t>
      </w:r>
      <w:r w:rsidRPr="00651F56">
        <w:rPr>
          <w:rFonts w:ascii="Courier New" w:hAnsi="Courier New" w:cs="Courier New"/>
        </w:rPr>
        <w:t>rsid2651193\rsid2846846\rsid2885586\rsid289640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3087985\rsid3150252\rsid3217297\rsid3222499\rsid3224862\rsid3351803\rsid3374334\rsid3431764\rsid3440449\rsid3499434\rsid3609651\rsid3615014\rsid3619701\rsid3748046\rsid3751448\rsid3810463\rsid3935886\rs</w:t>
      </w:r>
      <w:r w:rsidRPr="00651F56">
        <w:rPr>
          <w:rFonts w:ascii="Courier New" w:hAnsi="Courier New" w:cs="Courier New"/>
        </w:rPr>
        <w:t>id3940636\rsid4024554\rsid4069381\rsid407337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4201616\rsid4290926\rsid4326581\rsid4355448\rsid4391239\rsid4419563\rsid4422073\rsid4459094\rsid4472367\rsid4486920\rsid4487000\rsid4546290\rsid4605433\rsid4720328\rsid4735144\rsid4744508\rsid4811378\rsid</w:t>
      </w:r>
      <w:r w:rsidRPr="00651F56">
        <w:rPr>
          <w:rFonts w:ascii="Courier New" w:hAnsi="Courier New" w:cs="Courier New"/>
        </w:rPr>
        <w:t>4813648\rsid4815095\rsid4816635\rsid485690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4880590\rsid4921770\rsid4941874\rsid5000606\rsid5057678\rsid5076180\rsid5121041\rsid5269139\rsid5313861\rsid5445559\rsid5528855\rsid5588146\rsid5602249\rsid5646155\rsid5720795\rsid5798759\rsid5991823\rsid60</w:t>
      </w:r>
      <w:r w:rsidRPr="00651F56">
        <w:rPr>
          <w:rFonts w:ascii="Courier New" w:hAnsi="Courier New" w:cs="Courier New"/>
        </w:rPr>
        <w:t>36117\rsid6042747\rsid6179441\rsid618320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6229874\rsid6246016\rsid6302839\rsid6364061\rsid6503557\rsid6518323\rsid6578036\rsid6585332\rsid6626089\rsid6629474\rsid6630125\rsid6638180\rsid6647499\rsid6705463\rsid6757318\rsid6821289\rsid6826470\rsid6908</w:t>
      </w:r>
      <w:r w:rsidRPr="00651F56">
        <w:rPr>
          <w:rFonts w:ascii="Courier New" w:hAnsi="Courier New" w:cs="Courier New"/>
        </w:rPr>
        <w:t>863\rsid7028806\rsid7151622\rsid715848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7170772\rsid7219690\rsid7274885\rsid7277149\rsid7293144\rsid7418862\rsid7486141\rsid7489245\rsid7546134\rsid7557897\rsid7603502\rsid7802865\rsid7821319\rsid7828448\rsid7876749\rsid7937280\rsid7944431\rsid820173</w:t>
      </w:r>
      <w:r w:rsidRPr="00651F56">
        <w:rPr>
          <w:rFonts w:ascii="Courier New" w:hAnsi="Courier New" w:cs="Courier New"/>
        </w:rPr>
        <w:t>1\rsid8221877\rsid8222876\rsid832367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8328643\rsid8454895\rsid8586444\rsid8586865\rsid8610303\rsid8652750\rsid8866233\rsid8944490\rsid8990346\rsid9057380\rsid9062822\rsid9068594\rsid9110618\rsid9124713\rsid9139527\rsid9390099\rsid9461534\rsid9505834\</w:t>
      </w:r>
      <w:r w:rsidRPr="00651F56">
        <w:rPr>
          <w:rFonts w:ascii="Courier New" w:hAnsi="Courier New" w:cs="Courier New"/>
        </w:rPr>
        <w:t>rsid9646988\rsid9656132\rsid966010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9776973\rsid9779838\rsid9839095\rsid9898045\rsid9905114\rsid9972067\rsid9983018\rsid10125109\rsid10300092\rsid10302130\rsid10316790\rsid10359118\rsid10446732\rsid10494932\rsid10497976\rsid10552623\rsid10571859\rsid</w:t>
      </w:r>
      <w:r w:rsidRPr="00651F56">
        <w:rPr>
          <w:rFonts w:ascii="Courier New" w:hAnsi="Courier New" w:cs="Courier New"/>
        </w:rPr>
        <w:t>10574931\rsid10694517\rsid1076908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10827153\rsid10904157\rsid10907325\rsid10950962\rsid11037392\rsid11041811\rsid11094719\rsid11159111\rsid11161247\rsid11278564\rsid11345379\rsid11365820\rsid11408411\rsid11482434\rsid11490324\rsid11491739\rsid1169465</w:t>
      </w:r>
      <w:r w:rsidRPr="00651F56">
        <w:rPr>
          <w:rFonts w:ascii="Courier New" w:hAnsi="Courier New" w:cs="Courier New"/>
        </w:rPr>
        <w:t>2\rsid11740035\rsid1174302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11747369\rsid11814956\rsid11818004\rsid12017750\rsid12065954\rsid12076940\rsid12085514\rsid12197245\rsid12325952\rsid12326242\rsid12483307\rsid12604470\rsid12607305\rsid12650929\rsid12651015\rsid12667614\rsid12722743\rsid1</w:t>
      </w:r>
      <w:r w:rsidRPr="00651F56">
        <w:rPr>
          <w:rFonts w:ascii="Courier New" w:hAnsi="Courier New" w:cs="Courier New"/>
        </w:rPr>
        <w:t>2723417\rsid1274255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12810311\rsid12929418\rsid12937002\rsid13069889\rsid13195834\rsid13316498\rsid13333712\rsid13336309\rsid13453510\rsid13459235\rsid13465555\rsid13526569\rsid13568404\rsid13655170\rsid13702541\rsid13715981\rsid13722450\rsid13828753</w:t>
      </w:r>
      <w:r w:rsidRPr="00651F56">
        <w:rPr>
          <w:rFonts w:ascii="Courier New" w:hAnsi="Courier New" w:cs="Courier New"/>
        </w:rPr>
        <w:t>\rsid1383690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13851590\rsid13965402\rsid13989551\rsid14104102\rsid14115481\rsid14223700\rsid14287134\rsid14290051\rsid14383482\rsid14579404\rsid14644816\rsid14645039\rsid14763955\rsid14826051\rsid14888675\rsid14904161\rsid14949409\rsid14956645\rsid15</w:t>
      </w:r>
      <w:r w:rsidRPr="00651F56">
        <w:rPr>
          <w:rFonts w:ascii="Courier New" w:hAnsi="Courier New" w:cs="Courier New"/>
        </w:rPr>
        <w:t>02715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15350989\rsid15409219\rsid15425952\rsid15487741\rsid15488725\rsid15562595\rsid15736754\rsid15820298\rsid15871469\rsid15872911\rsid15879653\rsid15882962\rsid15999151\rsid16081743\rsid16084074\rsid16087137\rsid16129206\rsid16213124\rsid1626017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sid16386707\rsid16398391\rsid16453248\rsid16471371\rsid16543217\rsid16587161\rsid16727967}{\mmathPr\mmathFont34\mbrkBin0\mbrkBinSub0\msmallFrac0\mdispDef1\mlMargin0\mrMargin0\mdefJc1\mwrapIndent1440\mintLim0\mnaryLim1}{\info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title \'cf\'d0\'ce\'d2\'c</w:t>
      </w:r>
      <w:r w:rsidRPr="00651F56">
        <w:rPr>
          <w:rFonts w:ascii="Courier New" w:hAnsi="Courier New" w:cs="Courier New"/>
        </w:rPr>
        <w:t>e\'ca\'ce\'cb}{\author \'ef\'ea}{\operator \'d1\'e5\'eb\'e8\'e2\'e5\'f0\'f1\'f2\'ee\'e2 \'c0\'eb\'e5\'ea\'f1\'e5\'e9 \'c0\'eb\'fc\'e1\'e5\'f0\'f2\'ee\'e2\'e8\'f7}{\creatim\yr2020\mo11\dy23\hr9\min57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revtim\yr2021\mo5\dy24\hr16\min21}{\printim\yr2013\mo</w:t>
      </w:r>
      <w:r w:rsidRPr="00651F56">
        <w:rPr>
          <w:rFonts w:ascii="Courier New" w:hAnsi="Courier New" w:cs="Courier New"/>
        </w:rPr>
        <w:t>6\dy4\hr14\min8}{\version32}{\edmins86}{\nofpages16}{\nofwords10006}{\nofchars57040}{\nofcharsws66913}{\vern87}}{\*\xmlnstbl {\xmlns1 http://schemas.microsoft.com/office/word/2003/wordml}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perw11907\paperh16840\margl851\margr851\margt567\margb567\gutte</w:t>
      </w:r>
      <w:r w:rsidRPr="00651F56">
        <w:rPr>
          <w:rFonts w:ascii="Courier New" w:hAnsi="Courier New" w:cs="Courier New"/>
        </w:rPr>
        <w:t xml:space="preserve">r0\ltrsect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deftab708\widowctrl\ftnbj\aenddoc\trackmoves0\trackformatting1\donotembedsysfont1\relyonvml0\donotembedlingdata0\grfdocevents0\validatexml1\showplaceholdtext0\ignoremixedcontent0\saveinvalidxml0\showxmlerrors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noxlattoyen\expshrtn\noultrlsp</w:t>
      </w:r>
      <w:r w:rsidRPr="00651F56">
        <w:rPr>
          <w:rFonts w:ascii="Courier New" w:hAnsi="Courier New" w:cs="Courier New"/>
        </w:rPr>
        <w:t>c\dntblnsbdb\nospaceforul\formshade\horzdoc\dgmargin\dghspace180\dgvspace180\dghorigin851\dgvorigin567\dghshow1\dgvshow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jexpand\viewkind1\viewscale93\pgbrdrhead\pgbrdrfoot\splytwnine\ftnlytwnine\htmautsp\nolnhtadjtbl\useltbaln\alntblind\lytcalctblwd\lyt</w:t>
      </w:r>
      <w:r w:rsidRPr="00651F56">
        <w:rPr>
          <w:rFonts w:ascii="Courier New" w:hAnsi="Courier New" w:cs="Courier New"/>
        </w:rPr>
        <w:t>tblrtgr\lnbrkrule\nobrkwrptbl\snaptogridincell\allowfieldendsel\wrppunct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sianbrkrule\rsidroot14949409\newtblstyruls\nogrowautofit \fet0{\*\wgrffmtfilter 2450}\ilfomacatclnup0{\*\ftnsep \ltrpar \pard\plain \ltrpar\ql \li0\ri0\widctlpar\wrapdefault\aspalp</w:t>
      </w:r>
      <w:r w:rsidRPr="00651F56">
        <w:rPr>
          <w:rFonts w:ascii="Courier New" w:hAnsi="Courier New" w:cs="Courier New"/>
        </w:rPr>
        <w:t xml:space="preserve">ha\aspnum\faauto\adjustright\rin0\lin0\itap0 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af0\afs20\alang1025 \ltrch\fcs0 \fs20\lang1049\langfe1049\cgrid\langnp1049\langfenp1049 {\rtlch\fcs1 \af0 \ltrch\fcs0 \insrsid4419563 \chftnsep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}{\*\ftnsepc \ltrpar \pard\plain \ltrpar\ql </w:t>
      </w:r>
      <w:r w:rsidRPr="00651F56">
        <w:rPr>
          <w:rFonts w:ascii="Courier New" w:hAnsi="Courier New" w:cs="Courier New"/>
        </w:rPr>
        <w:t xml:space="preserve">\li0\ri0\widctlpar\wrapdefault\aspalpha\aspnum\faauto\adjustright\rin0\lin0\itap0 \rtlch\fcs1 \af0\afs20\alang1025 \ltrch\fcs0 \fs20\lang1049\langfe1049\cgrid\langnp1049\langfenp1049 {\rtlch\fcs1 \a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insrsid4419563 \chftnsepc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}{\*\a</w:t>
      </w:r>
      <w:r w:rsidRPr="00651F56">
        <w:rPr>
          <w:rFonts w:ascii="Courier New" w:hAnsi="Courier New" w:cs="Courier New"/>
        </w:rPr>
        <w:t xml:space="preserve">ftnsep \ltrpar \pard\plain \ltrpar\ql \li0\ri0\widctlpar\wrapdefault\aspalpha\aspnum\faauto\adjustright\rin0\lin0\itap0 \rtlch\fcs1 \af0\afs20\alang1025 \ltrch\fcs0 \fs20\lang1049\langfe1049\cgrid\langnp1049\langfenp1049 {\rtlch\fcs1 \a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in</w:t>
      </w:r>
      <w:r w:rsidRPr="00651F56">
        <w:rPr>
          <w:rFonts w:ascii="Courier New" w:hAnsi="Courier New" w:cs="Courier New"/>
        </w:rPr>
        <w:t xml:space="preserve">srsid4419563 \chftnsep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}{\*\aftnsepc \ltrpar \pard\plain \ltrpar\ql \li0\ri0\widctlpar\wrapdefault\aspalpha\aspnum\faauto\adjustright\rin0\lin0\itap0 \rtlch\fcs1 \af0\afs20\alang1025 \ltrch\fcs0 \fs20\lang1049\langfe1049\cgrid\langnp1049\langfenp10</w:t>
      </w:r>
      <w:r w:rsidRPr="00651F56">
        <w:rPr>
          <w:rFonts w:ascii="Courier New" w:hAnsi="Courier New" w:cs="Courier New"/>
        </w:rPr>
        <w:t xml:space="preserve">49 {\rtlch\fcs1 \a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insrsid4419563 \chftnsepc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}\ltrpar \sectd \ltrsect\psz9\linex0\endnhere\sectdefaultcl\sectrsid4880590\sftnbj {\footerr \ltrpar \pard\plain \ltrpar\s26\ql \li0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qc\tx4153\tqr\tx8306\pvpara\phmrg\po</w:t>
      </w:r>
      <w:r w:rsidRPr="00651F56">
        <w:rPr>
          <w:rFonts w:ascii="Courier New" w:hAnsi="Courier New" w:cs="Courier New"/>
        </w:rPr>
        <w:t xml:space="preserve">sxr\posy0\wrapdefault\aspalpha\aspnum\faauto\adjustright\rin0\lin0\itap0 \rtlch\fcs1 \af0\afs20\alang1025 \ltrch\fcs0 \fs20\lang1049\langfe1049\cgrid\langnp1049\langfenp1049 {\field{\*\fldinst {\rtlch\fcs1 \a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cs32\insrsid13965402 PAGE  }}{</w:t>
      </w:r>
      <w:r w:rsidRPr="00651F56">
        <w:rPr>
          <w:rFonts w:ascii="Courier New" w:hAnsi="Courier New" w:cs="Courier New"/>
        </w:rPr>
        <w:t xml:space="preserve">\fldrslt {\rtlch\fcs1 \af0 \ltrch\fcs0 \cs32\lang1024\langfe1024\noproof\insrsid13465555 16}}}\sectd \ltrsect\linex0\endnhere\sectdefaultcl\sftnbj {\rtlch\fcs1 \af0 \ltrch\fcs0 \cs32\insrsid1396540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26\ql \li0\ri360\widctlpar\tqc\tx4</w:t>
      </w:r>
      <w:r w:rsidRPr="00651F56">
        <w:rPr>
          <w:rFonts w:ascii="Courier New" w:hAnsi="Courier New" w:cs="Courier New"/>
        </w:rPr>
        <w:t xml:space="preserve">153\tqr\tx8306\wrapdefault\aspalpha\aspnum\faauto\adjustright\rin360\lin0\itap0 {\rtlch\fcs1 \af0 \ltrch\fcs0 \insrsid1396540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}{\*\pnseclvl1\pnucrm\pnstart1\pnindent720\pnhang {\pntxta .}}{\*\pnseclvl2\pnucltr\pnstart1\pnindent720\pnhang {\pntxta </w:t>
      </w:r>
      <w:r w:rsidRPr="00651F56">
        <w:rPr>
          <w:rFonts w:ascii="Courier New" w:hAnsi="Courier New" w:cs="Courier New"/>
        </w:rPr>
        <w:t>.}}{\*\pnseclvl3\pndec\pnstart1\pnindent720\pnhang {\pntxta .}}{\*\pnseclvl4\pnlcltr\pnstart1\pnindent720\pnhang {\pntxta )}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*\pnseclvl5\pndec\pnstart1\pnindent720\pnhang {\pntxtb (}{\pntxta )}}{\*\pnseclvl6\pnlcltr\pnstart1\pnindent720\pnhang {\pntxtb</w:t>
      </w:r>
      <w:r w:rsidRPr="00651F56">
        <w:rPr>
          <w:rFonts w:ascii="Courier New" w:hAnsi="Courier New" w:cs="Courier New"/>
        </w:rPr>
        <w:t xml:space="preserve"> (}{\pntxta )}}{\*\pnseclvl7\pnlcrm\pnstart1\pnindent720\pnhang {\pntxtb (}{\pntxta )}}{\*\pnseclvl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nlcltr\pnstart1\pnindent720\pnhang {\pntxtb (}{\pntxta )}}{\*\pnseclvl9\pnlcrm\pnstart1\pnindent720\pnhang {\pntxtb (}{\pntxta )}}\pard\plain \ltr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</w:t>
      </w:r>
      <w:r w:rsidRPr="00651F56">
        <w:rPr>
          <w:rFonts w:ascii="Courier New" w:hAnsi="Courier New" w:cs="Courier New"/>
        </w:rPr>
        <w:t xml:space="preserve">s30\qc \li0\ri0\widctlpar\wrapdefault\aspalpha\aspnum\faauto\adjustright\rin0\lin0\itap0\pararsid14949409 \rtlch\fcs1 \af0\afs20\alang1025 \ltrch\fcs0 \fs22\lang1049\langfe1049\cgrid\langnp1049\langfenp1049 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insrsid5</w:t>
      </w:r>
      <w:r w:rsidRPr="00651F56">
        <w:rPr>
          <w:rFonts w:ascii="Courier New" w:hAnsi="Courier New" w:cs="Courier New"/>
        </w:rPr>
        <w:t xml:space="preserve">313861\charrsid538368  }{\rtlch\fcs1 \af0\afs22 \ltrch\fcs0 \b\insrsid11041811\charrsid538368 \'ce\'d2\'d7\'c5\'d2}{\rtlch\fcs1 \af0\afs22 \ltrch\fcs0 \b\insrsid13965402\charrsid538368 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ee\'e1 \'e8\'f2\'ee\'e3\'e0\'f5 \'e3\'ee\'eb\'ee\'f1\'ee\'e2</w:t>
      </w:r>
      <w:r w:rsidRPr="00651F56">
        <w:rPr>
          <w:rFonts w:ascii="Courier New" w:hAnsi="Courier New" w:cs="Courier New"/>
        </w:rPr>
        <w:t xml:space="preserve">\'e0\'ed\'e8\'ff \'ed\'e0 }{\rtlch\fcs1 \af0\afs22 \ltrch\fcs0 \b\insrsid5646155\charrsid538368 \'e2\'ed\'e5\'ee\'f7\'e5\'f0\'e5\'e4\'ed\'ee\'ec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insrsid13965402\charrsid538368  \'ee\'e1\'f9\'e5\'ec \'f1\'ee\'e1\'f0\</w:t>
      </w:r>
      <w:r w:rsidRPr="00651F56">
        <w:rPr>
          <w:rFonts w:ascii="Courier New" w:hAnsi="Courier New" w:cs="Courier New"/>
        </w:rPr>
        <w:t>'e0\'ed\'e8\'e8 \'e0\'ea\'f6\'e8\'ee\'ed\'e5\'f0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b\insrsid11094719\charrsid538368 \'c0}{\rtlch\fcs1 \af0\afs22 \ltrch\fcs0 \b\insrsid13965402\charrsid538368 \'ea\'f6\'e8\'ee\'ed\'e5\'f0\'ed\'ee\'e3\'ee }{</w:t>
      </w:r>
      <w:r w:rsidRPr="00651F56">
        <w:rPr>
          <w:rFonts w:ascii="Courier New" w:hAnsi="Courier New" w:cs="Courier New"/>
        </w:rPr>
        <w:t xml:space="preserve">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insrsid7158484\charrsid538368 \'ee}{\rtlch\fcs1 \af0\afs22 \ltrch\fcs0 \b\insrsid13965402\charrsid538368 \'e1\'f9\'e5\'f1\'f2\'e2\'e0 }{\rtlch\fcs1 \af0\afs22 \ltrch\fcs0 \b\insrsid4880590\charrsid538368  }{\rtlch\fc</w:t>
      </w:r>
      <w:r w:rsidRPr="00651F56">
        <w:rPr>
          <w:rFonts w:ascii="Courier New" w:hAnsi="Courier New" w:cs="Courier New"/>
        </w:rPr>
        <w:t xml:space="preserve">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insrsid13965402\charrsid538368 \'ab\'d2\'e5\'f0\'ec\'e8\'ed\'e0\'eb \'c0\'f1\'f2\'e0\'f4\'fc\'e5\'e2\'e0\'b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f0\afs22 \ltrch\fcs0 \b\insrsid3810463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30\qj \li0\ri0\wi</w:t>
      </w:r>
      <w:r w:rsidRPr="00651F56">
        <w:rPr>
          <w:rFonts w:ascii="Courier New" w:hAnsi="Courier New" w:cs="Courier New"/>
        </w:rPr>
        <w:t xml:space="preserve">dctlpar\tx0\wrapdefault\aspalpha\aspnum\faauto\adjustright\rin0\lin0\itap0\pararsid9110618 {\rtlch\fcs1 \af0\afs22 \ltrch\fcs0 \insrsid9110618\charrsid538368 \'cf\'ee\'eb\'ed\'ee\'e5 \'f4\'e8\'f0\'ec\'e5\'ed\'ed\'ee\'e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0\'e8\'ec\'e5\'ed\'ee\'e2\'</w:t>
      </w:r>
      <w:r w:rsidRPr="00651F56">
        <w:rPr>
          <w:rFonts w:ascii="Courier New" w:hAnsi="Courier New" w:cs="Courier New"/>
        </w:rPr>
        <w:t>e0\'ed\'e8\'e5 \'ee\'e1\'f9\'e5\'f1\'f2\'e2\'e0: }{\rtlch\fcs1 \af0\afs22 \ltrch\fcs0 \insrsid11094719\charrsid538368 \'c0}{\rtlch\fcs1 \af0\afs22 \ltrch\fcs0 \insrsid9110618\charrsid538368 \'ea\'f6\'e8\'ee\'ed\'e5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5 }{\rtlch\fcs1 \af0\afs2</w:t>
      </w:r>
      <w:r w:rsidRPr="00651F56">
        <w:rPr>
          <w:rFonts w:ascii="Courier New" w:hAnsi="Courier New" w:cs="Courier New"/>
        </w:rPr>
        <w:t>2 \ltrch\fcs0 \insrsid10446732\charrsid538368 \'ee}{\rtlch\fcs1 \af0\afs22 \ltrch\fcs0 \insrsid9110618\charrsid538368 \'e1\'f9\'e5\'f1\'f2\'e2\'ee \'ab\'d2\'e5\'f0\'ec\'e8\'ed\'e0\'eb \'c0\'f1\'f2\'e0\'f4\'fc\'e5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bb.}{\rtlch\fcs1 \af0\afs22 \ltr</w:t>
      </w:r>
      <w:r w:rsidRPr="00651F56">
        <w:rPr>
          <w:rFonts w:ascii="Courier New" w:hAnsi="Courier New" w:cs="Courier New"/>
        </w:rPr>
        <w:t xml:space="preserve">ch\fcs0 \b\insrsid9110618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wrapdefault\aspalpha\aspnum\faauto\adjustright\rin0\lin0\itap0\pararsid11094719 \rtlch\fcs1 \af0\afs20\alang1025 \ltrch\fcs0 \fs20\lang1049\langfe1049\cgrid\langnp10</w:t>
      </w:r>
      <w:r w:rsidRPr="00651F56">
        <w:rPr>
          <w:rFonts w:ascii="Courier New" w:hAnsi="Courier New" w:cs="Courier New"/>
        </w:rPr>
        <w:t xml:space="preserve">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9110618\charrsid538368 \'cc\'e5\'f1\'f2\'ee \'ed\'e0\'f5\'ee\'e6\'e4\'e5\'ed\'e8\'ff \'ee\'e1\'f9\'e5\'f1\'f2\'e2\'e0: }{\rtlch\fcs1 \af0\afs22 \ltrch\fcs0 \b\fs22\insrsid9110618\charrsid53</w:t>
      </w:r>
      <w:r w:rsidRPr="00651F56">
        <w:rPr>
          <w:rFonts w:ascii="Courier New" w:hAnsi="Courier New" w:cs="Courier New"/>
        </w:rPr>
        <w:t xml:space="preserve">8368  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1094719\charrsid538368 \'cf\'f0\'e8\'ec\'ee\'f0\'f1\'ea\'e8\'e9 \'ea\'f0\'e0\'e9, \'e3. \'c2\'eb\'e0\'e4\'e8\'e2\'ee\'f1\'f2\'ee\'ea, \'f3\'eb. \'d5\'e5\'f0\'f1\'ee\'ed\'f1\'ea\'e0\'ff, \'e4. 5, \'</w:t>
      </w:r>
      <w:r w:rsidRPr="00651F56">
        <w:rPr>
          <w:rFonts w:ascii="Courier New" w:hAnsi="Courier New" w:cs="Courier New"/>
        </w:rPr>
        <w:t>ea\'e0\'e1. 2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f0\afs22 \ltrch\fcs0 \fs22\insrsid8201731\charrsid538368 \'c0\'e4\'f0\'e5\'f1 \'ee\'e1\'f9\'e5\'f1\'f2\'e2\'e0:}{\rtlch\fcs1 \af0\afs22 \ltrch\fcs0 \fs22\insrsid8652750  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insr</w:t>
      </w:r>
      <w:r w:rsidRPr="00651F56">
        <w:rPr>
          <w:rFonts w:ascii="Courier New" w:hAnsi="Courier New" w:cs="Courier New"/>
        </w:rPr>
        <w:t>sid11094719\charrsid538368 690012,}{\rtlch\fcs1 \af0\afs22 \ltrch\fcs0 \fs22\insrsid8201731\charrsid538368  }{\rtlch\fcs1 \af0\afs22 \ltrch\fcs0 \fs22\insrsid11094719\charrsid538368 \'cf\'f0\'e8\'ec\'ee\'f0\'f1\'ea\'e8\'e9 \'ea\'f0\'e0\'e9, 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f0.</w:t>
      </w:r>
      <w:r w:rsidRPr="00651F56">
        <w:rPr>
          <w:rFonts w:ascii="Courier New" w:hAnsi="Courier New" w:cs="Courier New"/>
        </w:rPr>
        <w:t xml:space="preserve"> \'c2\'eb\'e0\'e4\'e8\'e2\'ee\'f1\'f2\'ee\'ea, \'f3\'eb. \'d5\'e5\'f0\'f1\'ee\'ed\'f1\'ea\'e0\'ff, \'e4. 5, \'ea\'e0\'e1. 2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\qj \li0\ri0\keepn\widctlpar\tx0\wrapdefault\aspalpha\aspnum\faauto\outlinelevel1\adjustright\rin0\lin</w:t>
      </w:r>
      <w:r w:rsidRPr="00651F56">
        <w:rPr>
          <w:rFonts w:ascii="Courier New" w:hAnsi="Courier New" w:cs="Courier New"/>
        </w:rPr>
        <w:t>0\itap0\pararsid9110618 \rtlch\fcs1 \af0\afs20\alang1025 \ltrch\fcs0 \b\i\fs24\lang1049\langfe1049\cgrid\langn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b0\i0\fs22\insrsid9110618\charrsid538368 \'c2\'e8\'e4 \'ee\'e1\'f9\'e5\'e3\'ee \'f1\'ee\</w:t>
      </w:r>
      <w:r w:rsidRPr="00651F56">
        <w:rPr>
          <w:rFonts w:ascii="Courier New" w:hAnsi="Courier New" w:cs="Courier New"/>
        </w:rPr>
        <w:t>'e1\'f0\'e0\'ed\'e8\'ff: \'e2\'ed\'e5\'ee\'f7\'e5\'f0\'e5\'e4\'ed\'ee\'e5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4\'ee\'f0\'ec\'e0 \'ef\'f0\'ee\'e2\'e5\'e4\'e5\'ed\'e8\'ff \'ee\'e1\'f9\'e5\'e3\'ee \'f1\'ee\'e1\'f0\'e0\'ed\'e8\'ff:}{\rtlch\fcs1 \af0\afs22 \ltrch\fcs0 \i0\fs22\insrsid91</w:t>
      </w:r>
      <w:r w:rsidRPr="00651F56">
        <w:rPr>
          <w:rFonts w:ascii="Courier New" w:hAnsi="Courier New" w:cs="Courier New"/>
        </w:rPr>
        <w:t xml:space="preserve">10618\charrsid538368  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b0\i0\fs22\insrsid9110618\charrsid538368 \'f1\'ee\'e1\'f0\'e0\'ed\'e8\'e5.}{\rtlch\fcs1 \af0\afs22 \ltrch\fcs0 \i0\fs22\insrsid9110618\charrsid538368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</w:t>
      </w:r>
      <w:r w:rsidRPr="00651F56">
        <w:rPr>
          <w:rFonts w:ascii="Courier New" w:hAnsi="Courier New" w:cs="Courier New"/>
        </w:rPr>
        <w:t xml:space="preserve"> \b0\i0\fs22\insrsid9110618\charrsid538368 \'c4\'e0\'f2\'e0 \'ef\'f0\'ee\'e2\'e5\'e4\'e5\'ed\'e8\'ff \'ee\'e1\'f9\'e5\'e3\'ee \'f1\'ee\'e1\'f0\'e0\'ed\'e8\'ff: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0\i0\fs22\insrsid869368\charrsid538368  }{\rtlch\fcs1 \a</w:t>
      </w:r>
      <w:r w:rsidRPr="00651F56">
        <w:rPr>
          <w:rFonts w:ascii="Courier New" w:hAnsi="Courier New" w:cs="Courier New"/>
        </w:rPr>
        <w:t xml:space="preserve">f0\afs22 \ltrch\fcs0 \b0\i0\fs22\insrsid1991179 19 \'ec\'e0\'ff}{\rtlch\fcs1 \af0\afs22 \ltrch\fcs0 \b0\i0\fs22\insrsid9110618\charrsid538368  20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0\i0\fs22\insrsid3940636\charrsid538368 2}{\rtlch\fcs1 \af0\afs22 \ltr</w:t>
      </w:r>
      <w:r w:rsidRPr="00651F56">
        <w:rPr>
          <w:rFonts w:ascii="Courier New" w:hAnsi="Courier New" w:cs="Courier New"/>
        </w:rPr>
        <w:t xml:space="preserve">ch\fcs0 \b0\i0\fs22\insrsid6908863\charrsid538368 1}{\rtlch\fcs1 \af0\afs22 \ltrch\fcs0 \b0\i0\fs22\insrsid9110618\charrsid538368  \'e3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i0\fs22\insrsid9110618\charrsid538368 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l \li0\ri0\w</w:t>
      </w:r>
      <w:r w:rsidRPr="00651F56">
        <w:rPr>
          <w:rFonts w:ascii="Courier New" w:hAnsi="Courier New" w:cs="Courier New"/>
        </w:rPr>
        <w:t xml:space="preserve">idctlpar\wrapdefault\aspalpha\aspnum\faauto\adjustright\rin0\lin0\itap0\pararsid9110618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9110618\charrsid</w:t>
      </w:r>
      <w:r w:rsidRPr="00651F56">
        <w:rPr>
          <w:rFonts w:ascii="Courier New" w:hAnsi="Courier New" w:cs="Courier New"/>
        </w:rPr>
        <w:t>538368 \'c4\'e0\'f2\'e0 \'f1\'ee\'f1\'f2\'e0\'e2\'eb\'e5\'ed\'e8\'ff \'f1\'ef\'e8\'f1\'ea\'e0 \'eb\'e8\'f6, \'e8\'ec\'e5\'fe\'f9\'e8\'f5 \'ef\'f0\'e0\'e2\'ee \'ed\'e0 \'f3\'f7\'e0\'f1\'f2\'e8\'e5 \'e2 \'ee\'e1\'f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c \'f1\'ee\'e1\'f0\'e0\'ed\'e8\'e8</w:t>
      </w:r>
      <w:r w:rsidRPr="00651F56">
        <w:rPr>
          <w:rFonts w:ascii="Courier New" w:hAnsi="Courier New" w:cs="Courier New"/>
        </w:rPr>
        <w:t xml:space="preserve">}{\rtlch\fcs1 \af0\afs22 \ltrch\fcs0 \fs22\insrsid9110618\charrsid1991179 : }{\rtlch\fcs1 \af0\afs22 \ltrch\fcs0 \fs22\insrsid1991179\charrsid1991179 24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insrsid6908863\charrsid538368  }{\rtlch\fcs1 \af0\afs22 \lt</w:t>
      </w:r>
      <w:r w:rsidRPr="00651F56">
        <w:rPr>
          <w:rFonts w:ascii="Courier New" w:hAnsi="Courier New" w:cs="Courier New"/>
        </w:rPr>
        <w:t xml:space="preserve">rch\fcs0 \fs22\insrsid1991179 \'e0\'ef\'f0\'e5\'eb\'ff}{\rtlch\fcs1 \af0\afs22 \ltrch\fcs0 \fs22\insrsid9110618\charrsid538368  20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insrsid3940636\charrsid538368 2}{\rtlch\fcs1 \af0\afs22 \ltrch\fcs0 \fs22\insrsid</w:t>
      </w:r>
      <w:r w:rsidRPr="00651F56">
        <w:rPr>
          <w:rFonts w:ascii="Courier New" w:hAnsi="Courier New" w:cs="Courier New"/>
        </w:rPr>
        <w:t xml:space="preserve">6908863\charrsid538368 1}{\rtlch\fcs1 \af0\afs22 \ltrch\fcs0 \fs22\insrsid3940636\charrsid538368  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s22\insrsid9110618\charrsid538368 \'e3.}{\rtlch\fcs1 \af0\afs22 \ltrch\fcs0 \b\fs22\insrsid9110618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</w:t>
      </w:r>
      <w:r w:rsidRPr="00651F56">
        <w:rPr>
          <w:rFonts w:ascii="Courier New" w:hAnsi="Courier New" w:cs="Courier New"/>
        </w:rPr>
        <w:t>par }\pard \ltrpar\qj \li0\ri0\widctlpar\tx0\wrapdefault\aspalpha\aspnum\faauto\adjustright\rin0\lin0\itap0\pararsid9110618 {\rtlch\fcs1 \af0\afs22 \ltrch\fcs0 \fs22\insrsid9110618\charrsid538368 \'cc\'e5\'f1\'f2\'ee \'ef\'f0\'ee\'e2\'e5\'e4\'e5\'ed\'e8\'f</w:t>
      </w:r>
      <w:r w:rsidRPr="00651F56">
        <w:rPr>
          <w:rFonts w:ascii="Courier New" w:hAnsi="Courier New" w:cs="Courier New"/>
        </w:rPr>
        <w:t xml:space="preserve">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1\'f9\'e5\'e3\'ee \'f1\'ee\'e1\'f0\'e0\'ed\'e8\'ff: \'cf\'f0\'e8\'ec\'ee\'f0\'f1\'ea\'e8\'e9 \'ea\'f0\'e0\'e9, \'e3. }{\rtlch\fcs1 \af0\afs22 \ltrch\fcs0 \fs22\insrsid13333712\charrsid538368 \'c2\'eb\'e0\'e4\'e8\'e2\'ee\'f1\'f2\'ee\'ea, \'f3\'eb</w:t>
      </w:r>
      <w:r w:rsidRPr="00651F56">
        <w:rPr>
          <w:rFonts w:ascii="Courier New" w:hAnsi="Courier New" w:cs="Courier New"/>
        </w:rPr>
        <w:t xml:space="preserve">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d5\'e5\'f0\'f1\'ee\'ed\'f1\'ea\'e0\'ff, \'e4. 5.}{\rtlch\fcs1 \af0\afs22 \ltrch\fcs0 \fs22\insrsid9110618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f0\afs22 \ltrch\fcs0 \b\fs22\insrsid9110618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3\qc \li0\ri0\sb12</w:t>
      </w:r>
      <w:r w:rsidRPr="00651F56">
        <w:rPr>
          <w:rFonts w:ascii="Courier New" w:hAnsi="Courier New" w:cs="Courier New"/>
        </w:rPr>
        <w:t xml:space="preserve">0\keepn\widctlpar\tx0\wrapdefault\aspalpha\aspnum\faauto\outlinelevel2\adjustright\rin0\lin0\itap0\pararsid9110618 \rtlch\fcs1 \af0\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b\fs24\lang1049\langfe1049\cgrid\langnp1049\langfenp1049 {\rtlch\fcs1 \af0\afs22 \ltrch\fcs0 </w:t>
      </w:r>
      <w:r w:rsidRPr="00651F56">
        <w:rPr>
          <w:rFonts w:ascii="Courier New" w:hAnsi="Courier New" w:cs="Courier New"/>
        </w:rPr>
        <w:t xml:space="preserve">\fs22\insrsid9110618\charrsid538368 \'cf\'ce\'c2\'c5\'d1\'d2\'ca\'c0  \'c4\'cd\'df:}{\rtlch\fcs1 \af0\afs22 \ltrch\fcs0 \fs22\insrsid11694652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wrapdefault\aspalpha\aspnum\faauto\adjustright\</w:t>
      </w:r>
      <w:r w:rsidRPr="00651F56">
        <w:rPr>
          <w:rFonts w:ascii="Courier New" w:hAnsi="Courier New" w:cs="Courier New"/>
        </w:rPr>
        <w:t xml:space="preserve">rin0\lin0\itap0\pararsid1991179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991179 1. }{\rtlch\fcs1 \af0\afs22 \ltrch\fcs0 \fs22\insrsid1991179\cha</w:t>
      </w:r>
      <w:r w:rsidRPr="00651F56">
        <w:rPr>
          <w:rFonts w:ascii="Courier New" w:hAnsi="Courier New" w:cs="Courier New"/>
        </w:rPr>
        <w:t>rrsid8586865 \'ce\'e1 \'ee\'e4\'ee\'e1\'f0\'e5\'ed\'e8\'e8 \'ea\'f0\'f3\'ef\'ed\'ee\'e9 \'f1\'e4\'e5\'eb\'ea\'e8 \'ec\'e5\'e6\'e4\'f3 \'c0\'ce \'ab\'d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c\'e8\'ed\'e0\'eb \'c0\'f1\'f2\'e0\'f4\'fc\'e5\'e2\'e0\'bb (\'c8\'cd\'cd 2508001618) \'e8 \'</w:t>
      </w:r>
      <w:r w:rsidRPr="00651F56">
        <w:rPr>
          <w:rFonts w:ascii="Courier New" w:hAnsi="Courier New" w:cs="Courier New"/>
        </w:rPr>
        <w:t>c1\'e0\'ed\'ea\'ee\'ec \'c2\'d2\'c1 (\'cf\'c0\'ce) \endash  \'ca\'f0\'e5\'e4\'e8\'f2\'ed\'ee\'e3\'ee \'f1\'ee\'e3\'eb\'e0\'f8\'e5\'ed\'e8\'ff \'b9 \'ca\'d1-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d6\'d3-702750/2021/00007 \'ee\'f2 19.02.2021}{\rtlch\fcs1 \af0\afs22 \ltrch\fcs0 \fs22\insrsid19</w:t>
      </w:r>
      <w:r w:rsidRPr="00651F56">
        <w:rPr>
          <w:rFonts w:ascii="Courier New" w:hAnsi="Courier New" w:cs="Courier New"/>
        </w:rPr>
        <w:t>91179  }{\rtlch\fcs1 \af0\afs22 \ltrch\fcs0 \fs22\insrsid1991179\charrsid8586865 \'e3. \'ee \'e2\'fb\'e4\'e0\'f7\'e5 \'ea\'f0\'e5\'e4\'e8\'f2\'e0 \'e2 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4\'e5 \'ea\'f0\'e5\'e4\'e8\'f2\'ed\'ee\'e9 \'eb\'e8\'ed\'e8\'e8 \'f1 \'eb\'e8\'ec\'e8\'f2\'e</w:t>
      </w:r>
      <w:r w:rsidRPr="00651F56">
        <w:rPr>
          <w:rFonts w:ascii="Courier New" w:hAnsi="Courier New" w:cs="Courier New"/>
        </w:rPr>
        <w:t>e\'ec \'e2\'fb\'e4\'e0\'f7\'e8, \'e2 \'f1\'f3\'ec\'ec\'e5 200 \'ec\'eb\'ed. \'f0\'f3\'e1\'eb\'e5\'e9, \'f1\'f0\'ee\'ea\'ee\'ec \'ed\'e0 2555 \'e4\'ed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9, \'e7\'e0\'ea\'eb\'fe\'f7\'e5\'ed\'ed\'ee\'e3\'ee \'ec\'e5\'e6\'e4\'f3 \'c0\'ce \'ab\'d2\'e5\'f0</w:t>
      </w:r>
      <w:r w:rsidRPr="00651F56">
        <w:rPr>
          <w:rFonts w:ascii="Courier New" w:hAnsi="Courier New" w:cs="Courier New"/>
        </w:rPr>
        <w:t>\'ec\'e8\'ed\'e0\'eb \'c0\'f1\'f2\'e0\'f4\'fc\'e5\'e2\'e0\'bb (\'c8\'cd\'cd 2508001618) \'e8 \'c1\'e0\'ed\'ea\'ee\'ec \'c2\'d2\'c1 (\'cf\'c0\'ce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s22\insrsid1991179 2. }{\rtlch\fcs1 \af0\afs22 \ltrch\fcs0 \fs22</w:t>
      </w:r>
      <w:r w:rsidRPr="00651F56">
        <w:rPr>
          <w:rFonts w:ascii="Courier New" w:hAnsi="Courier New" w:cs="Courier New"/>
        </w:rPr>
        <w:t>\insrsid1991179\charrsid8586865 \'ce\'e1 \'ee\'e4\'ee\'e1\'f0\'e5\'ed\'e8\'e8 \'ea\'f0\'f3\'ef\'ed\'ee\'e9 \'f1\'e4\'e5\'eb\'ea\'e8 \endash  \'e4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\'e2\'ee\'f0\'e0 \'ef\'ee\'f0\'f3\'f7\'e8\'f2\'e5\'eb\'fc\'f1\'f2\'e2\'e0 \'b9\'c4\'cf8-\'d6\'d3-</w:t>
      </w:r>
      <w:r w:rsidRPr="00651F56">
        <w:rPr>
          <w:rFonts w:ascii="Courier New" w:hAnsi="Courier New" w:cs="Courier New"/>
        </w:rPr>
        <w:t>702750/2021/00008 \'ee\'f2 03.03.2021 \'e3\'ee\'e4\'e0 \'ec\'e5\'e6\'e4\'f3 \'c0\'ce \'ab\'d2\'e5\'f0\'ec\'e8\'ed\'e0\'eb \'c0\'f1\'f2\'e0\'f4\'fc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0\'bb (\'c8\'cd\'cd 2508001618) \'e8 \'c1\'e0\'ed\'ea\'ee\'ec \'c2\'d2\'c1 (\'ef\'f3\'e1\'eb\'e8\</w:t>
      </w:r>
      <w:r w:rsidRPr="00651F56">
        <w:rPr>
          <w:rFonts w:ascii="Courier New" w:hAnsi="Courier New" w:cs="Courier New"/>
        </w:rPr>
        <w:t>'f7\'ed\'ee\'e5 \'e0\'ea\'f6\'e8\'ee\'ed\'e5\'f0\'ed\'ee\'e5 \'ee\'e1\'f9\'e5\'f1\'f2\'e2\'ee) \'ef\'ee \'ea\'f0\'e5\'e4\'e8\'f2\'ed\'fb\'ec \'ee\'e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\'e7\'e0\'f2\'e5\'eb\'fc\'f1\'f2\'e2\'e0\'ec \'ce\'ce\'ce \'ab\'d2\'e5\'f0\'ec\'e8\'ed\'e0\'eb \'c0\'</w:t>
      </w:r>
      <w:r w:rsidRPr="00651F56">
        <w:rPr>
          <w:rFonts w:ascii="Courier New" w:hAnsi="Courier New" w:cs="Courier New"/>
        </w:rPr>
        <w:t>f1\'f2\'e0\'f4\'fc\'e5\'e2\'e0\'bb (\'c8\'cd\'cd 2508129784) \'ef\'ee \'ea\'f0\'e5\'e4\'e8\'f2\'ed\'ee\'ec\'f3 \'f1\'ee\'e3\'eb\'e0\'f8\'e5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e \'ee \'e2\'fb\'e4\'e0\'f7\'e5 \'ea\'f0\'e5\'e4\'e8\'f2\'e0 \'e2 \'e2\'e8\'e4\'e5 \'ea\'f0\'e5\'e4\'e8\</w:t>
      </w:r>
      <w:r w:rsidRPr="00651F56">
        <w:rPr>
          <w:rFonts w:ascii="Courier New" w:hAnsi="Courier New" w:cs="Courier New"/>
        </w:rPr>
        <w:t>'f2\'ed\'ee\'e9 \'eb\'e8\'ed\'e8\'e8 \'f1 \'eb\'e8\'ec\'e8\'f2\'ee\'ec \'e2\'fb\'e4\'e0\'f7\'e8 \'b9\'ca\'d1-\'d6\'d3-702750/2021/00008 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03.03.2021 \'e3\'ee\'e4\'e0, \'e2 \'f1\'f3\'ec\'ec\'e5 100 \'ec\'eb\'ed. \'f0\'f3\'e1\'eb\'e5\'e9, \'f1\'f0\'</w:t>
      </w:r>
      <w:r w:rsidRPr="00651F56">
        <w:rPr>
          <w:rFonts w:ascii="Courier New" w:hAnsi="Courier New" w:cs="Courier New"/>
        </w:rPr>
        <w:t>ee\'ea\'ee\'ec \'e4\'ee 2555 \'e4\'ed\'e5\'e9, \'e7\'e0\'ea\'eb\'fe\'f7\'e5\'ed\'ed\'ee\'ec\'f3 \'ec\'e5\'e6\'e4\'f3 \'ce\'ce\'ce \'ab\'d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c\'e8\'ed\'e0\'eb \'c0\'f1\'f2\'e0\'f4\'fc\'e5\'e2\'e0\'bb (\'c8\'cd\'cd 2508129784)  \'e8 \'c1\'e0\'ed\'</w:t>
      </w:r>
      <w:r w:rsidRPr="00651F56">
        <w:rPr>
          <w:rFonts w:ascii="Courier New" w:hAnsi="Courier New" w:cs="Courier New"/>
        </w:rPr>
        <w:t>ea\'ee\'ec \'c2\'d2\'c1 (\'cf\'c0\'ce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s22\insrsid1991179 3. }{\rtlch\fcs1 \af0\afs22 \ltrch\fcs0 \fs22\insrsid1991179\charrsid8586865 \'ce\'e1 \'ee\'e4\'ee\'e1\'f0\'e5\'ed\'e8\'e8 \'f1\'e4\'e5\'eb\'ea\'e8, \'f</w:t>
      </w:r>
      <w:r w:rsidRPr="00651F56">
        <w:rPr>
          <w:rFonts w:ascii="Courier New" w:hAnsi="Courier New" w:cs="Courier New"/>
        </w:rPr>
        <w:t xml:space="preserve">1\'ee\'e2\'e5\'f0\'f8\'e0\'e5\'ec\'ee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 \'e7\'e0\'e8\'ed\'f2\'e5\'f0\'e5\'f1\'ee\'e2\'e0\'ed\'ed\'ee\'f1\'f2\'fc\'fe \endash  \'e4\'ee\'e3\'ee\'e2\'ee\'f0\'e0 \'ef\'ee\'f0\'f3\'f7\'e8\'f2\'e5\'eb\'fc\'f1\'f2\'e2\'e0 \'b9\'c4\'cf8-\'d6\'d3-702750/2</w:t>
      </w:r>
      <w:r w:rsidRPr="00651F56">
        <w:rPr>
          <w:rFonts w:ascii="Courier New" w:hAnsi="Courier New" w:cs="Courier New"/>
        </w:rPr>
        <w:t>021/00008 \'ee\'f2 03.03.2021 \'e3\'ee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ec\'e5\'e6\'e4\'f3 \'c0\'ce \'ab\'d2\'e5\'f0\'ec\'e8\'ed\'e0\'eb \'c0\'f1\'f2\'e0\'f4\'fc\'e5\'e2\'e0\'bb (\'c8\'cd\'cd 2508001618) \'e8 \'c1\'e0\'ed\'ea\'ee\'ec \'c2\'d2\'c1 (\'ef\'f3\'e1\'eb\'e8\'f7\'ed\</w:t>
      </w:r>
      <w:r w:rsidRPr="00651F56">
        <w:rPr>
          <w:rFonts w:ascii="Courier New" w:hAnsi="Courier New" w:cs="Courier New"/>
        </w:rPr>
        <w:t>'ee\'e5 \'e0\'ea\'f6\'e8\'ee\'ed\'e5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5 \'ee\'e1\'f9\'e5\'f1\'f2\'e2\'ee) \'ef\'ee \'ea\'f0\'e5\'e4\'e8\'f2\'ed\'fb\'ec \'ee\'e1\'ff\'e7\'e0\'f2\'e5\'eb\'fc\'f1\'f2\'e2\'e0\'ec \'ce\'ce\'ce \'ab\'d2\'e5\'f0\'ec\'e8\'ed\'e0\'eb \'c0\'f1\'f2\'</w:t>
      </w:r>
      <w:r w:rsidRPr="00651F56">
        <w:rPr>
          <w:rFonts w:ascii="Courier New" w:hAnsi="Courier New" w:cs="Courier New"/>
        </w:rPr>
        <w:t>e0\'f4\'fc\'e5\'e2\'e0\'bb 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2508129784) \'ef\'ee \'ea\'f0\'e5\'e4\'e8\'f2\'ed\'ee\'ec\'f3 \'f1\'ee\'e3\'eb\'e0\'f8\'e5\'ed\'e8\'fe \'b9\'ca\'d1-\'d6\'d3-702750/2021/00008 \'ee\'f2 03.03.2021 \'e3\'ee\'e4\'e0 \'ee \'e2\'fb\'e4\'e0\'f7\'e5 \'e</w:t>
      </w:r>
      <w:r w:rsidRPr="00651F56">
        <w:rPr>
          <w:rFonts w:ascii="Courier New" w:hAnsi="Courier New" w:cs="Courier New"/>
        </w:rPr>
        <w:t>a\'f0\'e5\'e4\'e8\'f2\'e0 \'e2 \'e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5 \'ea\'f0\'e5\'e4\'e8\'f2\'ed\'ee\'e9 \'eb\'e8\'ed\'e8\'e8 \'f1 \'eb\'e8\'ec\'e8\'f2\'ee\'ec \'e2\'fb\'e4\'e0\'f7\'e8, \'e2 \'f1\'f3\'ec\'ec\'e5 100 \'ec\'eb\'ed. \'f0\'f3\'e1\'eb\'e5\'e9, \'f1\'f0\'ee\'ea\'</w:t>
      </w:r>
      <w:r w:rsidRPr="00651F56">
        <w:rPr>
          <w:rFonts w:ascii="Courier New" w:hAnsi="Courier New" w:cs="Courier New"/>
        </w:rPr>
        <w:t xml:space="preserve">ee\'ec \'e4\'ee 2555 \'e4\'ed\'e5\'e9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7\'e0\'ea\'eb\'fe\'f7\'e5\'ed\'ed\'ee\'ec\'f3 \'ec\'e5\'e6\'e4\'f3 \'ce\'ce\'ce \'ab\'d2\'e5\'f0\'ec\'e8\'ed\'e0\'eb \'c0\'f1\'f2\'e0\'f4\'fc\'e5\'e2\'e0\'bb (\'c8\'cd\'cd 2508129784) \'e8 \'c1\'e0\'ed\'ea\'ee\'e</w:t>
      </w:r>
      <w:r w:rsidRPr="00651F56">
        <w:rPr>
          <w:rFonts w:ascii="Courier New" w:hAnsi="Courier New" w:cs="Courier New"/>
        </w:rPr>
        <w:t>c \'c2\'d2\'c1 (\'cf\'c0\'ce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s22\insrsid1991179 4. }{\rtlch\fcs1 \af0\afs22 \ltrch\fcs0 \fs22\insrsid1991179\charrsid8586865 \'ce\'e1 \'ee\'e4\'ee\'e1\'f0\'e5\'ed\'e8\'e8 \'ea\'f0\'f3\'ef\'ed\'ee\'e9 \'f1\'e4\</w:t>
      </w:r>
      <w:r w:rsidRPr="00651F56">
        <w:rPr>
          <w:rFonts w:ascii="Courier New" w:hAnsi="Courier New" w:cs="Courier New"/>
        </w:rPr>
        <w:t>'e5\'eb\'ea\'e8 \endash  \'e4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\'e2\'ee\'f0\'e0 \'ef\'ee\'f0\'f3\'f7\'e8\'f2\'e5\'eb\'fc\'f1\'f2\'e2\'e0 \'b9\'c4\'cf2-\'d6\'d3-702750/2021/00011 \'ee\'f2 03.03.2021 \'e3\'ee\'e4\'e0 \'ec\'e5\'e6\'e4\'f3 \'c0\'ce \'ab\'d2\'e5\'f0\'ec\'e8\'ed\'e</w:t>
      </w:r>
      <w:r w:rsidRPr="00651F56">
        <w:rPr>
          <w:rFonts w:ascii="Courier New" w:hAnsi="Courier New" w:cs="Courier New"/>
        </w:rPr>
        <w:t>0\'eb \'c0\'f1\'f2\'e0\'f4\'fc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0\'bb (\'c8\'cd\'cd 2508001618) \'e8 \'c1\'e0\'ed\'ea\'ee\'ec \'c2\'d2\'c1 (\'ef\'f3\'e1\'eb\'e8\'f7\'ed\'ee\'e5 \'e0\'ea\'f6\'e8\'ee\'ed\'e5\'f0\'ed\'ee\'e5 \'ee\'e1\'f9\'e5\'f1\'f2\'e2\'ee) \'ef\'ee \'ea\'f0\'e5</w:t>
      </w:r>
      <w:r w:rsidRPr="00651F56">
        <w:rPr>
          <w:rFonts w:ascii="Courier New" w:hAnsi="Courier New" w:cs="Courier New"/>
        </w:rPr>
        <w:t>\'e4\'e8\'f2\'ed\'fb\'ec \'ee\'e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\'e7\'e0\'f2\'e5\'eb\'fc\'f1\'f2\'e2\'e0\'ec \'c0\'ce \'ab\'c4\'c0\'cb\'dc\'ca\'ce\'cc\'d5\'ce\'cb\'ce\'c4\'bb (\'c8\'cd\'cd 2537003955) \'ef\'ee \'ea\'f0\'e5\'e4\'e8\'f2\'ed\'ee\'ec\'f3 \'f1\'ee\'e3\'eb\'e0\'f8\'e5\'</w:t>
      </w:r>
      <w:r w:rsidRPr="00651F56">
        <w:rPr>
          <w:rFonts w:ascii="Courier New" w:hAnsi="Courier New" w:cs="Courier New"/>
        </w:rPr>
        <w:t>ed\'e8\'fe \'b9\'ca\'d1-\'d6\'d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-702750/2021/00011 \'ee\'f2 03.03.2021 \'e3\'ee\'e4\'e0 \'ee \'e2\'fb\'e4\'e0\'f7\'e5 \'ea\'f0\'e5\'e4\'e8\'f2\'e0 \'e2 \'e2\'e8\'e4\'e5 \'ea\'f0\'e5\'e4\'e8\'f2\'ed\'ee\'e9 \'eb\'e8\'ed\'e8\'e8 \'f1 \'eb\'e8\'ec\'e8\'f2\'</w:t>
      </w:r>
      <w:r w:rsidRPr="00651F56">
        <w:rPr>
          <w:rFonts w:ascii="Courier New" w:hAnsi="Courier New" w:cs="Courier New"/>
        </w:rPr>
        <w:t xml:space="preserve">ee\'ec \'e2\'fb\'e4\'e0\'f7\'e8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 \'f1\'f3\'ec\'ec\'e5 150 \'ec\'eb\'ed. \'f0\'f3\'e1\'eb\'e5\'e9, \'f1\'f0\'ee\'ea\'ee\'ec \'e4\'ee 1095 \'e4\'ed\'e5\'e9, \'e7\'e0\'ea\'eb\'fe\'f7\'e0\'e5\'ec\'ee\'ec\'f3 \'ec\'e5\'e6\'e4\'f3 \'c0\'ce \'ab\'c4\'c0\'c</w:t>
      </w:r>
      <w:r w:rsidRPr="00651F56">
        <w:rPr>
          <w:rFonts w:ascii="Courier New" w:hAnsi="Courier New" w:cs="Courier New"/>
        </w:rPr>
        <w:t>b\'dc\'ca\'ce\'cc\'d5\'ce\'cb\'c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4\'bb (\'c8\'cd\'cd 2537003955)  \'e8 \'c1\'e0\'ed\'ea\'ee\'ec \'c2\'d2\'c1 (\'cf\'c0\'ce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s22\insrsid1991179 5. }{\rtlch\fcs1 \af0\afs22 \ltrch\fcs0 \fs22\insrsid1991179\c</w:t>
      </w:r>
      <w:r w:rsidRPr="00651F56">
        <w:rPr>
          <w:rFonts w:ascii="Courier New" w:hAnsi="Courier New" w:cs="Courier New"/>
        </w:rPr>
        <w:t xml:space="preserve">harrsid8586865 \'ce\'e1 \'ee\'e4\'ee\'e1\'f0\'e5\'ed\'e8\'e8 \'f1\'e4\'e5\'eb\'ea\'e8, \'f1\'ee\'e2\'e5\'f0\'f8\'e0\'e5\'ec\'ee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 \'e7\'e0\'e8\'ed\'f2\'e5\'f0\'e5\'f1\'ee\'e2\'e0\'ed\'ed\'ee\'f1\'f2\'fc\'fe \endash  \'e4\'ee\'e3\'ee\'e2\'ee\'f0\'e</w:t>
      </w:r>
      <w:r w:rsidRPr="00651F56">
        <w:rPr>
          <w:rFonts w:ascii="Courier New" w:hAnsi="Courier New" w:cs="Courier New"/>
        </w:rPr>
        <w:t>0 \'ef\'ee\'f0\'f3\'f7\'e8\'f2\'e5\'eb\'fc\'f1\'f2\'e2\'e0 \'b9\'c4\'cf2-\'d6\'d3-702750/2021/00011 \'ee\'f2 03.03.2021 \'e3\'ee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ec\'e5\'e6\'e4\'f3 \'c0\'ce \'ab\'d2\'e5\'f0\'ec\'e8\'ed\'e0\'eb \'c0\'f1\'f2\'e0\'f4\'fc\'e5\'e2\'e0\'bb (\'c8\'cd</w:t>
      </w:r>
      <w:r w:rsidRPr="00651F56">
        <w:rPr>
          <w:rFonts w:ascii="Courier New" w:hAnsi="Courier New" w:cs="Courier New"/>
        </w:rPr>
        <w:t>\'cd 2508001618) \'e8 \'c1\'e0\'ed\'ea\'ee\'ec \'c2\'d2\'c1 (\'ef\'f3\'e1\'eb\'e8\'f7\'ed\'ee\'e5 \'e0\'ea\'f6\'e8\'ee\'ed\'e5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5 \'ee\'e1\'f9\'e5\'f1\'f2\'e2\'ee) \'ef\'ee \'ea\'f0\'e5\'e4\'e8\'f2\'ed\'fb\'ec \'ee\'e1\'ff\'e7\'e0\'f2\'e5\'e</w:t>
      </w:r>
      <w:r w:rsidRPr="00651F56">
        <w:rPr>
          <w:rFonts w:ascii="Courier New" w:hAnsi="Courier New" w:cs="Courier New"/>
        </w:rPr>
        <w:t>b\'fc\'f1\'f2\'e2\'e0\'ec \'c0\'ce \'ab\'c4\'c0\'cb\'dc\'ca\'ce\'cc\'d5\'ce\'cb\'ce\'c4\'bb (\'c8\'cd\'cd 2537003955) \'ef\'ee 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5\'e4\'e8\'f2\'ed\'ee\'ec\'f3 \'f1\'ee\'e3\'eb\'e0\'f8\'e5\'ed\'e8\'fe \'b9\'ca\'d1-\'d6\'d3-702750/2021/00011 \'ee\</w:t>
      </w:r>
      <w:r w:rsidRPr="00651F56">
        <w:rPr>
          <w:rFonts w:ascii="Courier New" w:hAnsi="Courier New" w:cs="Courier New"/>
        </w:rPr>
        <w:t>'f2 03.03.2021 \'e3\'ee\'e4\'e0 \'ee \'e2\'fb\'e4\'e0\'f7\'e5 \'ea\'f0\'e5\'e4\'e8\'f2\'e0 \'e2 \'e2\'e8\'e4\'e5 \'ea\'f0\'e5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2\'ed\'ee\'e9 \'eb\'e8\'ed\'e8\'e8 \'f1 \'eb\'e8\'ec\'e8\'f2\'ee\'ec \'e2\'fb\'e4\'e0\'f7\'e8, \'e2 \'f1\'f3\'ec\'ec\'</w:t>
      </w:r>
      <w:r w:rsidRPr="00651F56">
        <w:rPr>
          <w:rFonts w:ascii="Courier New" w:hAnsi="Courier New" w:cs="Courier New"/>
        </w:rPr>
        <w:t>e5 150 \'ec\'eb\'ed. \'f0\'f3\'e1\'eb\'e5\'e9, \'f1\'f0\'ee\'ea\'ee\'ec \'e4\'ee 1095 \'e4\'ed\'e5\'e9, \'e7\'e0\'ea\'eb\'fe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0\'e5\'ec\'ee\'ec\'f3 \'ec\'e5\'e6\'e4\'f3 \'c0\'ce \'ab\'c4\'c0\'cb\'dc\'ca\'ce\'cc\'d5\'ce\'cb\'ce\'c4\'bb (\'c8\'cd\'cd </w:t>
      </w:r>
      <w:r w:rsidRPr="00651F56">
        <w:rPr>
          <w:rFonts w:ascii="Courier New" w:hAnsi="Courier New" w:cs="Courier New"/>
        </w:rPr>
        <w:t>2537003955) \'e8 \'c1\'e0\'ed\'ea\'ee\'ec \'c2\'d2\'c1 (\'cf\'c0\'ce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s22\insrsid1991179 6. }{\rtlch\fcs1 \af0\afs22 \ltrch\fcs0 \fs22\insrsid1991179\charrsid8586865 \'ce\'e1 \'ee\'e4\'ee\'e1\'f0\'e5\'ed\'e8\'e</w:t>
      </w:r>
      <w:r w:rsidRPr="00651F56">
        <w:rPr>
          <w:rFonts w:ascii="Courier New" w:hAnsi="Courier New" w:cs="Courier New"/>
        </w:rPr>
        <w:t>8 \'e7\'e0\'ea\'eb\'fe\'f7\'e5\'ed\'e8\'ff \'e4\'ee\'ef\'ee\'eb\'ed\'e8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b\'fc\'ed\'ee\'e3\'ee \'f1\'ee\'e3\'eb\'e0\'f8\'e5\'ed\'e8\'ff \'b97 \'ee\'f2 11.12.2020 \'e3\'ee\'e4\'e0 \'ea \'e4\'ee\'e3\'ee\'e2\'ee\'f0\'f3 \'ef\'ee\'f0\'f3\'f7\'e8\'f2</w:t>
      </w:r>
      <w:r w:rsidRPr="00651F56">
        <w:rPr>
          <w:rFonts w:ascii="Courier New" w:hAnsi="Courier New" w:cs="Courier New"/>
        </w:rPr>
        <w:t>\'e5\'eb\'fc\'f1\'f2\'e2\'e0 \'b9 \'c4\'cf4-\'d6\'d3-702750/2016/00046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 14.09.2016 \'e3\'ee\'e4\'e0, \'e7\'e0\'ea\'eb\'fe\'f7\'e5\'ed\'ed\'ee\'e3\'ee \'ec\'e5\'e6\'e4\'f3 \'c1\'e0\'ed\'ea\'ee\'ec \'c2\'d2\'c1 (\'cf\'c0\'ce) \'e8 \'c0\'ce \'ab\'d2</w:t>
      </w:r>
      <w:r w:rsidRPr="00651F56">
        <w:rPr>
          <w:rFonts w:ascii="Courier New" w:hAnsi="Courier New" w:cs="Courier New"/>
        </w:rPr>
        <w:t>\'e5\'f0\'ec\'e8\'ed\'e0\'eb \'c0\'f1\'f2\'e0\'f4\'fc\'e5\'e2\'e0\'bb (\'c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d\'cd 2508001618), \'ff\'e2\'eb\'ff\'fe\'f9\'e5\'e3\'ee\'f1\'ff \'ea\'f0\'f3\'ef\'ed\'ee\'e9 \'f1\'e4\'e5\'eb\'ea\'ee\'e9, \'e2 \'f1\'e2\'ff\'e7\'e8 \'f1 \'e7\'e0\'ea\'eb\'fe\'</w:t>
      </w:r>
      <w:r w:rsidRPr="00651F56">
        <w:rPr>
          <w:rFonts w:ascii="Courier New" w:hAnsi="Courier New" w:cs="Courier New"/>
        </w:rPr>
        <w:t>f7\'e5\'ed\'e8\'e5\'ec \'e4\'ee\'ef\'ee\'eb\'ed\'e8\'f2\'e5\'eb\'fc\'ed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 \'f1\'ee\'e3\'eb\'e0\'f8\'e5\'ed\'e8\'ff \'b910 \'ee\'f2 11.12.2020 \'e3\'ee\'e4\'e0 \'ea \'ea\'f0\'e5\'e4\'e8\'f2\'ed\'ee\'ec\'f3 \'f1\'ee\'e3\'eb\'e0\'f8\'e5\'ed\'e8\'f</w:t>
      </w:r>
      <w:r w:rsidRPr="00651F56">
        <w:rPr>
          <w:rFonts w:ascii="Courier New" w:hAnsi="Courier New" w:cs="Courier New"/>
        </w:rPr>
        <w:t>e \'b9\'ca\'d1-\'d6\'d3-702750/2016/00046 \'ee\'f2 14.09.2016, \'e7\'e0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e\'f7\'e5\'ed\'ed\'ee\'ec\'f3 \'ec\'e5\'e6\'e4\'f3 \'ce\'ce\'ce \'ab\'c4\'e0\'eb\'fc\'d0\'fb\'e1\'cf\'ee\'f0\'f2\'bb (\'c8\'cd\'cd 2537047582) \'e8 \'c1\'e0\'ed\'ea\'ee\'ec</w:t>
      </w:r>
      <w:r w:rsidRPr="00651F56">
        <w:rPr>
          <w:rFonts w:ascii="Courier New" w:hAnsi="Courier New" w:cs="Courier New"/>
        </w:rPr>
        <w:t xml:space="preserve"> \'c2\'d2\'c1 (\'cf\'c0\'ce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s22\insrsid1991179 7. }{\rtlch\fcs1 \af0\afs22 \ltrch\fcs0 \fs22\insrsid1991179\charrsid8586865 \'ce\'e1 \'ee\'e4\'ee\'e1\'f0\'e5\'ed\'e8\'e8 \'f1\'e4\'e5\'eb\'ea\'e8, \'f1\'ee\'e2\</w:t>
      </w:r>
      <w:r w:rsidRPr="00651F56">
        <w:rPr>
          <w:rFonts w:ascii="Courier New" w:hAnsi="Courier New" w:cs="Courier New"/>
        </w:rPr>
        <w:t xml:space="preserve">'e5\'f0\'f8\'e0\'e5\'ec\'ee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 \'e7\'e0\'e8\'ed\'f2\'e5\'f0\'e5\'f1\'ee\'e2\'e0\'ed\'ed\'ee\'f1\'f2\'fc\'fe -  \'e7\'e0\'ea\'eb\'fe\'f7\'e5\'ed\'e8\'e5 \'e4\'ee\'ef\'ee\'eb\'ed\'e8\'f2\'e5\'eb\'fc\'ed\'ee\'e3\'ee \'f1\'ee\'e3\'eb\'e0\'f8\'e5\'ed\'e</w:t>
      </w:r>
      <w:r w:rsidRPr="00651F56">
        <w:rPr>
          <w:rFonts w:ascii="Courier New" w:hAnsi="Courier New" w:cs="Courier New"/>
        </w:rPr>
        <w:t xml:space="preserve">8\'ff \'b97 \'ee\'f2 11.12.202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\'e4\'e0 \'ea \'e4\'ee\'e3\'ee\'e2\'ee\'f0\'f3 \'ef\'ee\'f0\'f3\'f7\'e8\'f2\'e5\'eb\'fc\'f1\'f2\'e2\'e0 \'b9 \'c4\'cf4-\'d6\'d3-702750/2016/00046 \'ee\'f2 14.09.2016, \'e7\'e0\'ea\'eb\'fe\'f7\'e5\'ed\'ed\'ee\'e3\'e</w:t>
      </w:r>
      <w:r w:rsidRPr="00651F56">
        <w:rPr>
          <w:rFonts w:ascii="Courier New" w:hAnsi="Courier New" w:cs="Courier New"/>
        </w:rPr>
        <w:t>e \'ec\'e5\'e6\'e4\'f3 \'c1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a\'ee\'ec \'c2\'d2\'c1 (\'cf\'c0\'ce) \'e8 \'c0\'ce \'ab\'d2\'e5\'f0\'ec\'e8\'ed\'e0\'eb \'c0\'f1\'f2\'e0\'f4\'fc\'e5\'e2\'e0\'bb (\'c8\'cd\'cd 2508001618), \'e2 \'f1\'e2\'ff\'e7\'e8 \'f1 \'e7\'e0\'ea\'eb\'fe\'f7\'e5</w:t>
      </w:r>
      <w:r w:rsidRPr="00651F56">
        <w:rPr>
          <w:rFonts w:ascii="Courier New" w:hAnsi="Courier New" w:cs="Courier New"/>
        </w:rPr>
        <w:t>\'ed\'e8\'e5\'ec \'e4\'ee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b\'ed\'e8\'f2\'e5\'eb\'fc\'ed\'ee\'e3\'ee \'f1\'ee\'e3\'eb\'e0\'f8\'e5\'ed\'e8\'ff \'b910 \'ee\'f2 11.12.2020 \'e3\'ee\'e4\'e0 \'ea \'ea\'f0\'e5\'e4\'e8\'f2\'ed\'ee\'ec\'f3 \'f1\'ee\'e3\'eb\'e0\'f8\'e5\'ed\'e8\'fe \'b9</w:t>
      </w:r>
      <w:r w:rsidRPr="00651F56">
        <w:rPr>
          <w:rFonts w:ascii="Courier New" w:hAnsi="Courier New" w:cs="Courier New"/>
        </w:rPr>
        <w:t>\'ca\'d1-\'d6\'d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-702750/2016/00046 \'ee\'f2 14.09.2016, \'e7\'e0\'ea\'eb\'fe\'f7\'e5\'ed\'ed\'ee\'ec\'f3 \'ec\'e5\'e6\'e4\'f3 \'ce\'ce\'ce \'ab\'c4\'e0\'eb\'fc\'d0\'fb\'e1\'cf\'ee\'f0\'f2\'bb (\'c8\'cd\'cd 2537047582) \'e8 \'c1\'e0\'ed\'ea\'ee\'ec \'c2\</w:t>
      </w:r>
      <w:r w:rsidRPr="00651F56">
        <w:rPr>
          <w:rFonts w:ascii="Courier New" w:hAnsi="Courier New" w:cs="Courier New"/>
        </w:rPr>
        <w:t>'d2\'c1 (\'cf\'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ce).}{\rtlch\fcs1 \af0\afs22 \ltrch\fcs0 \fs22\insrsid1991179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8. }{\rtlch\fcs1 \af0\afs22 \ltrch\fcs0 \fs22\insrsid1991179\charrsid14645039 \'ce\'e1 \'ee\'e4\'ee\'e1\'f0\'e5\'ed\'e8\'e8 \'f1\'e4\'e5\'eb\'ea\'e8, \'f1\'ee\'e2\'e</w:t>
      </w:r>
      <w:r w:rsidRPr="00651F56">
        <w:rPr>
          <w:rFonts w:ascii="Courier New" w:hAnsi="Courier New" w:cs="Courier New"/>
        </w:rPr>
        <w:t>5\'f0\'f8\'e0\'e5\'ec\'ee\'e9 \'f1 \'e7\'e0\'e8\'ed\'f2\'e5\'f0\'e5\'f1\'ee\'e2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d\'ee\'f1\'f2\'fc\'fe}{\rtlch\fcs1 \af0\afs22 \ltrch\fcs0 \fs22\insrsid1991179  - \'e7\'e0\'ea\'eb\'fe\'f7\'e5\'ed\'e8\'e5 \'d1\'ee\'e3\'eb\'e0\'f8\'e5\'ed\'e8\'ff </w:t>
      </w:r>
      <w:r w:rsidRPr="00651F56">
        <w:rPr>
          <w:rFonts w:ascii="Courier New" w:hAnsi="Courier New" w:cs="Courier New"/>
        </w:rPr>
        <w:t>}{\rtlch\fcs1 \af0\afs22 \ltrch\fcs0 \fs22\insrsid1991179\charrsid14645039 \'ee \'ef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f0\'e5\'e4\'e0\'f7\'e5 \'ef\'f0\'e0\'e2 \'e8 \'ee\'e1\'ff\'e7\'e0\'ed\'ed\'ee\'f1\'f2\'e5\'e9 \'ef\'ee \'ea\'ee\'ed\'f2\'f0\'e0\'ea\'f2\'f3 \'b9 141900/20 \'ee\'f2 </w:t>
      </w:r>
      <w:r w:rsidRPr="00651F56">
        <w:rPr>
          <w:rFonts w:ascii="Courier New" w:hAnsi="Courier New" w:cs="Courier New"/>
        </w:rPr>
        <w:t>17.07.2020 \'e3\'ee\'e4\'e0 \'ec\'e5\'e6\'e4\'f3 \'c0\'ce \'ab\'c4\'c0\'cb\'dc\'ca\'c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c\'d5\'ce\'cb\'ce\'c4\'bb (\'c8\'cd\'cd 2537003955), \'ce\'ce\'ce \'ab\'cb\'e8\'e1\'f5\'e5\'f0\'f0-\'d0\'f3\'f1\'eb\'e0\'ed\'e4\'bb (\'c8\'cd\'cd 7704217309) \'e8 \'</w:t>
      </w:r>
      <w:r w:rsidRPr="00651F56">
        <w:rPr>
          <w:rFonts w:ascii="Courier New" w:hAnsi="Courier New" w:cs="Courier New"/>
        </w:rPr>
        <w:t>c0\'ce \'ab\'d2\'e5\'f0\'ec\'e8\'ed\'e0\'eb \'c0\'f1\'f2\'e0\'f4\'fc\'e5\'e2\'e0\'bb (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8\'cd\'cd 2508001618) }{\rtlch\fcs1 \af0\afs22 \ltrch\fcs0 \fs22\insrsid1991179 -}{\rtlch\fcs1 \af0\afs22 \ltrch\fcs0 \fs22\insrsid1991179\charrsid14645039  \'e2 \'f</w:t>
      </w:r>
      <w:r w:rsidRPr="00651F56">
        <w:rPr>
          <w:rFonts w:ascii="Courier New" w:hAnsi="Courier New" w:cs="Courier New"/>
        </w:rPr>
        <w:t>1\'ee\'ee\'f2\'e2\'e5\'f2\'f1\'f2\'e2\'e8\'e8 \'f1 \'ea\'ee\'f2\'ee\'f0\'fb\'ec \'c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e \'ab\'d2\'e5\'f0\'ec\'e8\'ed\'e0\'eb \'c0\'f1\'f2\'e0\'f4\'fc\'e5\'e2\'e0\'bb \'ef\'f0\'e8\'ed\'e8\'ec\'e0\'e5\'f2 \'ed\'e0 \'f1\'e5\'e1\'ff \'e2\'f1\'e5 \'ef\'f0\'e</w:t>
      </w:r>
      <w:r w:rsidRPr="00651F56">
        <w:rPr>
          <w:rFonts w:ascii="Courier New" w:hAnsi="Courier New" w:cs="Courier New"/>
        </w:rPr>
        <w:t>0\'e2\'e0 \'e8 \'ee\'e1\'ff\'e7\'e0\'ed\'ed\'ee\'f1\'f2\'e8 \'c0\'ce \'ab\'c4\'c0\'c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dc\'ca\'ce\'cc\'d5\'ce\'cb\'ce\'c4\'bb \'e8 \'f1\'f2\'e0\'ed\'ee\'e2\'e8\'f2\'f1\'ff \'f1\'f2\'ee\'f0\'ee\'ed\'ee\'e9 \'ef\'ee \'ca\'ee\'ed\'f2\'f0\'e0\'ea\'f2\'f3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</w:t>
      </w:r>
      <w:r w:rsidRPr="00651F56">
        <w:rPr>
          <w:rFonts w:ascii="Courier New" w:hAnsi="Courier New" w:cs="Courier New"/>
        </w:rPr>
        <w:t>par }\pard\plain \ltrpar\s33\qj \li0\ri0\widctlpar\wrapdefault\aspalpha\aspnum\faauto\adjustright\rin0\lin0\itap0\pararsid6908863\contextualspace \rtlch\fcs1 \af0\afs20\alang1025 \ltrch\fcs0 \fs20\lang1049\langfe1049\cgrid\langn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</w:t>
      </w:r>
      <w:r w:rsidRPr="00651F56">
        <w:rPr>
          <w:rFonts w:ascii="Courier New" w:hAnsi="Courier New" w:cs="Courier New"/>
        </w:rPr>
        <w:t xml:space="preserve">\fcs1 \af0\afs22 \ltrch\fcs0 \fs22\insrsid1780148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wrapdefault\aspalpha\aspnum\faauto\adjustright\rin0\lin0\itap0\pararsid1991179 \rtlch\fcs1 \af0\afs20\alang1025 \ltrch\fcs0 \fs20\lang1049\la</w:t>
      </w:r>
      <w:r w:rsidRPr="00651F56">
        <w:rPr>
          <w:rFonts w:ascii="Courier New" w:hAnsi="Courier New" w:cs="Courier New"/>
        </w:rPr>
        <w:t xml:space="preserve">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b\fs22\insrsid12651015\charrsid538368 \'c2\'ee\'ef\'f0\'ee\'f1 \'b9}{\rtlch\fcs1 \ab\af0\afs22 \ltrch\fcs0 \b\fs22\insrsid10694517\charrsid538368  }{\rtlch\fcs1 \ab\af0\afs22 </w:t>
      </w:r>
      <w:r w:rsidRPr="00651F56">
        <w:rPr>
          <w:rFonts w:ascii="Courier New" w:hAnsi="Courier New" w:cs="Courier New"/>
        </w:rPr>
        <w:t xml:space="preserve">\ltrch\fcs0 \b\fs22\insrsid15488725\charrsid538368 1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0\afs22 \ltrch\fcs0 \b\fs22\insrsid12651015\charrsid538368  \'ef\'ee\'e2\'e5\'f1\'f2\'ea\'e8 \'e4\'ed\'ff \'ee\'e1\'f9\'e5\'e3\'ee \'f1\'ee\'e1\'f0\'e0\'ed\'e8\'ff: }{\rtlch\fcs1 \af</w:t>
      </w:r>
      <w:r w:rsidRPr="00651F56">
        <w:rPr>
          <w:rFonts w:ascii="Courier New" w:hAnsi="Courier New" w:cs="Courier New"/>
        </w:rPr>
        <w:t xml:space="preserve">0\afs22 \ltrch\fcs0 \fs22\insrsid1991179\charrsid8586865 \'ce\'e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4\'ee\'e1\'f0\'e5\'ed\'e8\'e8 \'ea\'f0\'f3\'ef\'ed\'ee\'e9 \'f1\'e4\'e5\'eb\'ea\'e8 \'ec\'e5\'e6\'e4\'f3 \'c0\'ce \'ab\'d2\'e5\'f0\'ec\'e8\'ed\'e0\'eb \'c0\'f1\'f2\'e0\'f4\'fc\'e5\'</w:t>
      </w:r>
      <w:r w:rsidRPr="00651F56">
        <w:rPr>
          <w:rFonts w:ascii="Courier New" w:hAnsi="Courier New" w:cs="Courier New"/>
        </w:rPr>
        <w:t xml:space="preserve">e2\'e0\'bb (\'c8\'cd\'cd 2508001618) \'e8 \'c1\'e0\'ed\'ea\'ee\'ec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2\'d2\'c1 (\'cf\'c0\'ce) \endash  \'ca\'f0\'e5\'e4\'e8\'f2\'ed\'ee\'e3\'ee \'f1\'ee\'e3\'eb\'e0\'f8\'e5\'ed\'e8\'ff \'b9 \'ca\'d1-\'d6\'d3-702750/2021/00007 \'ee\'f2 19.02.2021}{\rtlch</w:t>
      </w:r>
      <w:r w:rsidRPr="00651F56">
        <w:rPr>
          <w:rFonts w:ascii="Courier New" w:hAnsi="Courier New" w:cs="Courier New"/>
        </w:rPr>
        <w:t xml:space="preserve">\fcs1 \af0\afs22 \ltrch\fcs0 \fs22\insrsid1991179  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1991179\charrsid8586865 \'e3. \'ee \'e2\'fb\'e4\'e0\'f7\'e5 \'ea\'f0\'e5\'e4\'e8\'f2\'e0 \'e2 \'e2\'e8\'e4\'e5 \'ea\'f0\'e5\'e4\'e8\'f2\'ed\'ee\'e9 \'eb\</w:t>
      </w:r>
      <w:r w:rsidRPr="00651F56">
        <w:rPr>
          <w:rFonts w:ascii="Courier New" w:hAnsi="Courier New" w:cs="Courier New"/>
        </w:rPr>
        <w:t>'e8\'ed\'e8\'e8 \'f1 \'eb\'e8\'ec\'e8\'f2\'ee\'ec \'e2\'fb\'e4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7\'e8, \'e2 \'f1\'f3\'ec\'ec\'e5 200 \'ec\'eb\'ed. \'f0\'f3\'e1\'eb\'e5\'e9, \'f1\'f0\'ee\'ea\'ee\'ec \'ed\'e0 2555 \'e4\'ed\'e5\'e9, \'e7\'e0\'ea\'eb\'fe\'f7\'e5\'ed\'ed\'ee\'e3\'ee \'</w:t>
      </w:r>
      <w:r w:rsidRPr="00651F56">
        <w:rPr>
          <w:rFonts w:ascii="Courier New" w:hAnsi="Courier New" w:cs="Courier New"/>
        </w:rPr>
        <w:t xml:space="preserve">ec\'e5\'e6\'e4\'f3 \'c0\'ce \'ab\'d2\'e5\'f0\'ec\'e8\'ed\'e0\'e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0\'f1\'f2\'e0\'f4\'fc\'e5\'e2\'e0\'bb (\'c8\'cd\'cd 2508001618) \'e8 \'c1\'e0\'ed\'ea\'ee\'ec \'c2\'d2\'c1 (\'cf\'c0\'ce).}{\rtlch\fcs1 \af0\afs22 \ltrch\fcs0 \fs22\insrsid6908863\charrs</w:t>
      </w:r>
      <w:r w:rsidRPr="00651F56">
        <w:rPr>
          <w:rFonts w:ascii="Courier New" w:hAnsi="Courier New" w:cs="Courier New"/>
        </w:rPr>
        <w:t xml:space="preserve">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8\qj \li0\ri0\widctlpar\wrapdefault\aspalpha\aspnum\faauto\adjustright\rin0\lin0\itap0\pararsid12651015 \rtlch\fcs1 \af0\afs20\alang1025 \ltrch\fcs0 \fs24\lang1049\langfe1049\cgrid\langnp1049\langfenp1049 {\rtlch\fcs1</w:t>
      </w:r>
      <w:r w:rsidRPr="00651F56">
        <w:rPr>
          <w:rFonts w:ascii="Courier New" w:hAnsi="Courier New" w:cs="Courier New"/>
        </w:rPr>
        <w:t xml:space="preserve">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12651015\charrsid538368 \'d0\'e5\'e7\'f3\'eb\'fc\'f2\'e0\'f2\'fb \'e3\'ee\'eb\'ee\'f1\'ee\'e2\'e0\'ed\'e8\'ff \'ef\'ee }{\rtlch\fcs1 \ab\af0\afs22 \ltrch\fcs0 \b\fs22\insrsid15488725\charrsid538368  \'ef\'e5\'f0\</w:t>
      </w:r>
      <w:r w:rsidRPr="00651F56">
        <w:rPr>
          <w:rFonts w:ascii="Courier New" w:hAnsi="Courier New" w:cs="Courier New"/>
        </w:rPr>
        <w:t xml:space="preserve">'e2\'ee\'ec\'f3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}{\rtlch\fcs1 \ab\af0\afs22 \ltrch\fcs0 \b\fs22\insrsid12651015\charrsid538368 \'e2\'ee\'ef\'f0\'ee\'f1\'f3 \'ef\'ee\'e2\'e5\'f1\'f2\'ea\'e8 \'e4\'ed\'ff}{\rtlch\fcs1 \af0\afs22 \ltrch\fcs0 \fs22\insrsid12651015\charrsid538368 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</w:t>
      </w:r>
      <w:r w:rsidRPr="00651F56">
        <w:rPr>
          <w:rFonts w:ascii="Courier New" w:hAnsi="Courier New" w:cs="Courier New"/>
        </w:rPr>
        <w:t xml:space="preserve">ard\plain \ltrpar\qj \li0\ri0\sb120\widctlpar\tx4536\wrapdefault\aspalpha\aspnum\faauto\adjustright\rin0\lin0\itap0\pararsid14956645 \rtlch\fcs1 \af0\afs20\alang1025 \ltrch\fcs0 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</w:t>
      </w:r>
      <w:r w:rsidRPr="00651F56">
        <w:rPr>
          <w:rFonts w:ascii="Courier New" w:hAnsi="Courier New" w:cs="Courier New"/>
        </w:rPr>
        <w:t>s22 \ltrch\fcs0 \fs22\insrsid14956645\charrsid2451716 \'d7\'e8\'f1\'eb\'ee \'e3\'ee\'eb\'ee\'f1\'ee\'e2, \'ea\'ee\'f2\'ee\'f0\'fb\'ec\'e8 \'ee\'e1\'eb\'e0\'e4\'e0\'eb\'e8 \'eb\'e8\'f6\'e0, \'e2\'ea\'eb\'fe\'f7\'e5\'ed\'ed\'fb\'e5 \'e2 \'f1\'ef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e</w:t>
      </w:r>
      <w:r w:rsidRPr="00651F56">
        <w:rPr>
          <w:rFonts w:ascii="Courier New" w:hAnsi="Courier New" w:cs="Courier New"/>
        </w:rPr>
        <w:t xml:space="preserve">e\'ea \'eb\'e8\'f6, \'e8\'ec\'e5\'e2\'f8\'e8\'f5 \'ef\'f0\'e0\'e2\'ee \'ed\'e0 \'f3\'f7\'e0\'f1\'f2\'e8\'e5 \'e2  \'ee\'e1\'f9\'e5\'ec \'f1\'ee\'e1\'f0\'e0\'ed\'e8\'e8 \'e0\'ea\'f6\'e8\'ee\'ed\'e5\'f0\'ee\'e2, \'ef\'ee \'e4\'e0\'ed\'ed\'ee\'ec\'f3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</w:t>
      </w:r>
      <w:r w:rsidRPr="00651F56">
        <w:rPr>
          <w:rFonts w:ascii="Courier New" w:hAnsi="Courier New" w:cs="Courier New"/>
        </w:rPr>
        <w:t xml:space="preserve">ee\'ef\'f0\'ee\'f1\'f3 \'ef\'ee\'e2\'e5\'f1\'f2\'ea\'e8 \'e4\'ed\'ff \'ee\'e1\'f9\'e5\'e3\'ee \'f1\'ee\'e1\'f0\'e0\'ed\'e8\'ff, -  830 380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f\'f0\'e8\'f5\'ee\'e4\'e8\'e2\'f8\'e8\'f5\'f1\'ff \'ed\</w:t>
      </w:r>
      <w:r w:rsidRPr="00651F56">
        <w:rPr>
          <w:rFonts w:ascii="Courier New" w:hAnsi="Courier New" w:cs="Courier New"/>
        </w:rPr>
        <w:t>'e0 \'e3\'ee\'eb\'ee\'f1\'f3\'fe\'f9\'e8\'e5 \'e0\'ea\'f6\'e8\'e8 \'ee\'e1\'f9\'e5\'f1\'f2\'e2\'e0, \'ef\'ee \'e4\'e0\'ed\'ed\'ee\'ec\'f3 \'e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e\'f1\'f3 \'ef\'ee\'e2\'e5\'f1\'f2\'ea\'e8 \'e4\'ed\'ff \'ee\'e1\'f9\'e5\'e3\'ee \'f1\'ee\'e1\'f0</w:t>
      </w:r>
      <w:r w:rsidRPr="00651F56">
        <w:rPr>
          <w:rFonts w:ascii="Courier New" w:hAnsi="Courier New" w:cs="Courier New"/>
        </w:rPr>
        <w:t>\'e0\'ed\'e8\'ff, \'ee\'ef\'f0\'e5\'e4\'e5\'eb\'e5\'ed\'ed\'ee\'e5 \'f1 \'f3\'f7\'e5\'f2\'ee\'ec \'f2\'f0\'e5\'e1\'ee\'e2\'e0\'ed\'e8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. 4.24. \'cf\'ee\'eb\'ee\'e6\'e5\'ed\'e8\'e5 \'c1\'e0\'ed\'ea\'e0 \'d0\'ee\'f1\'f1\'e8\'e8 \'b9 660-\'cf \'ee\'f</w:t>
      </w:r>
      <w:r w:rsidRPr="00651F56">
        <w:rPr>
          <w:rFonts w:ascii="Courier New" w:hAnsi="Courier New" w:cs="Courier New"/>
        </w:rPr>
        <w:t xml:space="preserve">2 16.11.2018\'e3. \'ab\'ce\'e1 \'ee\'e1\'f9\'e8\'f5 \'f1\'ee\'e1\'f0\'e0\'ed\'e8\'ff\'f5 \'e0\'ea\'f6\'e8\'ee\'ed\'e5\'f0\'ee\'e2\'bb, \endash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472 104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a\'ee\'f2\'ee\'f0\'fb\'ec\'e8 \'ee\'e1\'e</w:t>
      </w:r>
      <w:r w:rsidRPr="00651F56">
        <w:rPr>
          <w:rFonts w:ascii="Courier New" w:hAnsi="Courier New" w:cs="Courier New"/>
        </w:rPr>
        <w:t>b\'e0\'e4\'e0\'eb\'e8 \'eb\'e8\'f6\'e0, \'ef\'f0\'e8\'ed\'ff\'e2\'f8\'e8\'e5 \'f3\'f7\'e0\'f1\'f2\'e8\'e5  \'e2 \'ee\'e1\'f9\'e5\'ec  \'f1\'ee\'e1\'f0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8, \'ef\'ee \'e4\'e0\'ed\'ed\'ee\'ec\'f3 \'e2\'ee\'ef\'f0\'ee\'f1\'f3 \'ef\'ee\'e2\'e5\'f</w:t>
      </w:r>
      <w:r w:rsidRPr="00651F56">
        <w:rPr>
          <w:rFonts w:ascii="Courier New" w:hAnsi="Courier New" w:cs="Courier New"/>
        </w:rPr>
        <w:t xml:space="preserve">1\'f2\'ea\'e8 \'e4\'ed\'ff \'f1\'ee\'e1\'f0\'e0\'ed\'e8\'ff,  - 434 8}{\rtlch\fcs1 \af0\afs22 \ltrch\fcs0 \fs22\insrsid14956645 57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4956645\charrsid2451716 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tx45</w:t>
      </w:r>
      <w:r w:rsidRPr="00651F56">
        <w:rPr>
          <w:rFonts w:ascii="Courier New" w:hAnsi="Courier New" w:cs="Courier New"/>
        </w:rPr>
        <w:t>36\wrapdefault\aspalpha\aspnum\faauto\adjustright\rin0\lin0\itap0\pararsid14956645 {\rtlch\fcs1 \af0\afs22 \ltrch\fcs0 \fs22\insrsid14956645\charrsid2451716 \'ca\'e2\'ee\'f0\'f3\'ec \'ef\'ee \'e4\'e0\'ed\'ed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'f3 \'e2\'ee\'ef\'f0\'ee\'f1\'f3 \'ef\</w:t>
      </w:r>
      <w:r w:rsidRPr="00651F56">
        <w:rPr>
          <w:rFonts w:ascii="Courier New" w:hAnsi="Courier New" w:cs="Courier New"/>
        </w:rPr>
        <w:t>'ee\'e2\'e5\'f1\'f2\'ea\'e8 \'e4\'ed\'ff \'e8\'ec\'e5\'e5\'f2\'f1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\pard\plain \ltrpar\s24\qj \li0\ri0\widctlpar\tx4536\wrapdefault\aspalpha\aspnum\faauto\adjustright\rin0\lin0\itap0\pararsid14956645 \rtlch\fcs1 \af0\afs20\alang1025 \ltrch\fcs0 </w:t>
      </w:r>
      <w:r w:rsidRPr="00651F56">
        <w:rPr>
          <w:rFonts w:ascii="Courier New" w:hAnsi="Courier New" w:cs="Courier New"/>
        </w:rPr>
        <w:t xml:space="preserve">\fs24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14956645\charrsid2451716 \'d7\'e8\'f1\'eb\'ee \'e3\'ee\'eb\'ee\'f1\'ee\'e2, \'ee\'f2\'e4\'e0\'ed\'ed\'fb\'f5 \'e7\'e0 \'ea\'e0\'e6\'e4\'fb\'e9 \'e8\'</w:t>
      </w:r>
      <w:r w:rsidRPr="00651F56">
        <w:rPr>
          <w:rFonts w:ascii="Courier New" w:hAnsi="Courier New" w:cs="Courier New"/>
        </w:rPr>
        <w:t>e7 \'e2\'e0\'f0\'e8\'e0\'ed\'f2\'ee\'e2 \'e3\'ee\'eb\'ee\'f1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d\'e8\'ff \'ef\'ee \'e4\'e0\'ed\'ed\'ee\'ec\'f3 \'e2\'ee\'ef\'f0\'ee\'f1\'f3 \'ef\'ee\'e2\'e5\'f1\'f2\'ea\'e8 \'e4\'ed\'ff \'f1\'ee\'e1\'f0\'e0\'ed\'e8\'ff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</w:t>
      </w:r>
      <w:r w:rsidRPr="00651F56">
        <w:rPr>
          <w:rFonts w:ascii="Courier New" w:hAnsi="Courier New" w:cs="Courier New"/>
        </w:rPr>
        <w:t xml:space="preserve">rpar\qj \fi709\li0\ri0\widctlpar\wrapdefault\aspalpha\aspnum\faauto\adjustright\rin0\lin0\itap0\pararsid14956645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</w:t>
      </w:r>
      <w:r w:rsidRPr="00651F56">
        <w:rPr>
          <w:rFonts w:ascii="Courier New" w:hAnsi="Courier New" w:cs="Courier New"/>
        </w:rPr>
        <w:t>2\insrsid14956645\charrsid14956645 \'ab\'e7\'e0\'bb -  434 857;     \'ab\'ef\'f0\'ee\'f2\'e8\'e2\'bb -  0;      \'ab\'e2\'ee\'e7\'e4\'e5\'f0\'e6\'e0\'eb\'f1\'ff\'bb - 0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8\qj \li0\ri0\widctlpar\wrapdefault\aspalpha\aspnum\faaut</w:t>
      </w:r>
      <w:r w:rsidRPr="00651F56">
        <w:rPr>
          <w:rFonts w:ascii="Courier New" w:hAnsi="Courier New" w:cs="Courier New"/>
        </w:rPr>
        <w:t xml:space="preserve">o\adjustright\rin0\lin0\itap0\pararsid12651015 \rtlch\fcs1 \af0\afs20\alang1025 \ltrch\fcs0 \fs24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fs22\insrsid6908863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</w:t>
      </w:r>
      <w:r w:rsidRPr="00651F56">
        <w:rPr>
          <w:rFonts w:ascii="Courier New" w:hAnsi="Courier New" w:cs="Courier New"/>
        </w:rPr>
        <w:t xml:space="preserve">0\ri0\widctlpar\wrapdefault\aspalpha\aspnum\faauto\adjustright\rin0\lin0\itap0\pararsid7828448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1991179</w:t>
      </w:r>
      <w:r w:rsidRPr="00651F56">
        <w:rPr>
          <w:rFonts w:ascii="Courier New" w:hAnsi="Courier New" w:cs="Courier New"/>
        </w:rPr>
        <w:t xml:space="preserve">\charrsid538368 \'d0\'e5\'f8\'e5\'ed\'e8\'e5 \'f1\'ee\'e1\'f0\'e0\'ed\'e8\'ff \'ef\'ee \'ef\'e5\'f0\'e2\'ee\'ec\'f3 \'e2\'ee\'ef\'f0\'ee\'f1\'f3 \'ef\'ee\'e2\'e5\'f1\'f2\'ea\'e8 \'e4\'ed\'ff: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cf6\insrsid1991179</w:t>
      </w:r>
      <w:r w:rsidRPr="00651F56">
        <w:rPr>
          <w:rFonts w:ascii="Courier New" w:hAnsi="Courier New" w:cs="Courier New"/>
        </w:rPr>
        <w:t>\charrsid538368  }{\rtlch\fcs1 \af0\afs22 \ltrch\fcs0 \fs22\insrsid7828448\charrsid7828448 {\*\bkmkstart _Hlk72507995}\'ce\'c4\'ce\'c1\'d0\'c8\'d2\'dc \'ea\'f0\'f3\'ef\'ed\'f3\'fe \'f1\'e4\'e5\'eb\'ea\'f3 - \'ca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4\'e8\'f2\'ed\'ee\'e5 \'f1\'ee\'</w:t>
      </w:r>
      <w:r w:rsidRPr="00651F56">
        <w:rPr>
          <w:rFonts w:ascii="Courier New" w:hAnsi="Courier New" w:cs="Courier New"/>
        </w:rPr>
        <w:t xml:space="preserve">e3\'eb\'e0\'f8\'e5\'ed\'e8\'e5 \'b9 \'ca\'d1-\'d6\'d3-702750/2021/00007 \'ee\'f2 19.02.2021\'e3. \'ee \'e2\'fb\'e4\'e0\'f7\'e5 \'ea\'f0\'e5\'e4\'e8\'f2\'e0 \'e2 \'e2\'e8\'e4\'e5 \'ea\'f0\'e5\'e4\'e8\'f2\'ed\'ee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e8\'ed\'e8\'e8 \'f1 \'eb\'e8\'ec\</w:t>
      </w:r>
      <w:r w:rsidRPr="00651F56">
        <w:rPr>
          <w:rFonts w:ascii="Courier New" w:hAnsi="Courier New" w:cs="Courier New"/>
        </w:rPr>
        <w:t>'e8\'f2\'ee\'ec \'e2\'fb\'e4\'e0\'f7\'e8 \'e2 \'f1\'f3\'ec\'ec\'e5 200 \'ec\'eb\'ed. \'f0\'f3\'e1\'eb\'e5\'e9 \'f1\'f0\'ee\'ea\'ee\'ec \'ed\'e0 2555 \'e4\'ed\'e5\'e9, \'e7\'e0\'ea\'eb\'fe\'f7\'e5\'ed\'ed\'ee\'e5 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6\'e4\'f3 \'c0\'ce \'ab\'d2\'e5</w:t>
      </w:r>
      <w:r w:rsidRPr="00651F56">
        <w:rPr>
          <w:rFonts w:ascii="Courier New" w:hAnsi="Courier New" w:cs="Courier New"/>
        </w:rPr>
        <w:t>\'f0\'ec\'e8\'ed\'e0\'eb \'c0\'f1\'f2\'e0\'f4\'fc\'e5\'e2\'e0\'bb (\'c8\'cd\'cd 2508001618) \'e8 \'c1\'e0\'ed\'ea\'ee\'ec \'c2\'d2\'c1 (\'cf\'c0\'ce) \'ed\'e0 \'f1\'eb\'e5\'e4\'f3\'fe\'f9\'e8\'f5 \'f3\'f1\'eb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f\'f5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</w:t>
      </w:r>
      <w:r w:rsidRPr="00651F56">
        <w:rPr>
          <w:rFonts w:ascii="Courier New" w:hAnsi="Courier New" w:cs="Courier New"/>
        </w:rPr>
        <w:t>af0\afs22 \ltrch\fcs0 \b\fs22\insrsid7828448\charrsid7828448 {\*\bkmkend _Hlk72507995}\'c2\'e8\'e4 \'f1\'e4\'e5\'eb\'ea\'e8:}{\rtlch\fcs1 \ab\af0\afs22 \ltrch\fcs0 \fs22\insrsid7828448\charrsid7828448  \'ca\'f0\'e5\'e4\'e8\'f2\'ed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 \'eb\'e8\'ed\'e</w:t>
      </w:r>
      <w:r w:rsidRPr="00651F56">
        <w:rPr>
          <w:rFonts w:ascii="Courier New" w:hAnsi="Courier New" w:cs="Courier New"/>
        </w:rPr>
        <w:t>8\'ff \'f1 \'eb\'e8\'ec\'e8\'f2\'ee\'ec \'e2\'fb\'e4\'e0\'f7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567\li0\ri0\widctlpar\wrapdefault\aspalpha\aspnum\faauto\adjustright\rin0\lin0\itap0\pararsid7828448 {\rtlch\fcs1 \ab\af0\afs22 \ltrch\fcs0 \fs22\insrsid7828448\ch</w:t>
      </w:r>
      <w:r w:rsidRPr="00651F56">
        <w:rPr>
          <w:rFonts w:ascii="Courier New" w:hAnsi="Courier New" w:cs="Courier New"/>
        </w:rPr>
        <w:t>arrsid7828448 - \'ca\'f0\'e5\'e4\'e8\'f2\'ee\'f0 \endash  \'c1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 \'c2\'d2\'c1 (\'cf\'c0\'ce)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- \'c7\'e0\'e5\'ec\'f9\'e8\'ea \endash \'c0\'ce \'ab\'d2\'e5\'f0\'ec\'e8\'ed\'e0\'eb \'c0\'f1\'f2\'e0\'f4\'fc\'e5\'e2\'e0\'bb (\'c8\'cd\'cd 25080</w:t>
      </w:r>
      <w:r w:rsidRPr="00651F56">
        <w:rPr>
          <w:rFonts w:ascii="Courier New" w:hAnsi="Courier New" w:cs="Courier New"/>
        </w:rPr>
        <w:t xml:space="preserve">01618) 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7828448 {\rtlch\fcs1 \ab\af0\afs22 \ltrch\fcs0 \b\fs22\insrsid7828448\charrsid7828448 \'d1\'f3\'ec\'ec\'e0 \'f1\'e4\'e5\'eb\'ea\'e8:</w:t>
      </w:r>
      <w:r w:rsidRPr="00651F56">
        <w:rPr>
          <w:rFonts w:ascii="Courier New" w:hAnsi="Courier New" w:cs="Courier New"/>
        </w:rPr>
        <w:t xml:space="preserve">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0\afs22 \ltrch\fcs0 \fs22\insrsid7828448\charrsid7828448  200 000\~000,00 (\'e4\'e2\'e5\'f1\'f2\'e8 \'ec\'e8\'eb\'eb\'e8\'ee\'ed\'ee\'e2) \'f0\'f3\'e1\'eb\'e5\'e9}{\rtlch\fcs1 \ai\af0\afs22 \ltrch\fcs0 \fs22\insrsid7828448\charrsid782</w:t>
      </w:r>
      <w:r w:rsidRPr="00651F56">
        <w:rPr>
          <w:rFonts w:ascii="Courier New" w:hAnsi="Courier New" w:cs="Courier New"/>
        </w:rPr>
        <w:t xml:space="preserve">844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b\af0\afs22 \ltrch\fcs0 \b\fs22\insrsid7828448\charrsid7828448 \'d1\'f0\'ee\'ea \'f1\'e4\'e5\'eb\'ea\'e8: 2555}{\rtlch\fcs1 \ab\af0\afs22 \ltrch\fcs0 \fs22\insrsid7828448\charrsid7828448  \'e4\'ed\'e5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</w:t>
      </w:r>
      <w:r w:rsidRPr="00651F56">
        <w:rPr>
          <w:rFonts w:ascii="Courier New" w:hAnsi="Courier New" w:cs="Courier New"/>
        </w:rPr>
        <w:t xml:space="preserve">b\af0\afs22 \ltrch\fcs0 \b\fs22\insrsid7828448\charrsid7828448 \'ce\'e1\'f9\'e8\'e9 \'f1\'f0\'ee\'ea \'ef\'f0\'e5\'e4\'ee\'f1\'f2\'e0\'e2\'eb\'e5\'ed\'e8\'ff \'ca\'f0\'e5\'e4\'e8\'f2\'ee\'e2: 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insrsid7828448\c</w:t>
      </w:r>
      <w:r w:rsidRPr="00651F56">
        <w:rPr>
          <w:rFonts w:ascii="Courier New" w:hAnsi="Courier New" w:cs="Courier New"/>
        </w:rPr>
        <w:t>harrsid7828448 170 \'ea\'e0\'eb\'e5\'ed\'e4\'e0\'f0\'ed\'fb\'f5 \'e4\'ed\'e5\'e9 \'f1 \'e4\'e0\'f2\'fb \'e2\'f1\'f2\'f3\'ef\'eb\'e5\'ed\'e8\'ff \'d1\'ee\'e3\'eb\'e0\'f8\'e5\'ed\'e8\'ff \'e2 \'f1\'e8\'eb\'f3 \'e2\'ea\'eb\'fe\'f7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5\'eb\'fc\'ed\'e</w:t>
      </w:r>
      <w:r w:rsidRPr="00651F56">
        <w:rPr>
          <w:rFonts w:ascii="Courier New" w:hAnsi="Courier New" w:cs="Courier New"/>
        </w:rPr>
        <w:t>e. \'ca\'f0\'e5\'e4\'e8\'f2\'fb \'ef\'f0\'e5\'e4\'ee\'f1\'f2\'e0\'e2\'eb\'ff\'fe\'f2\'f1\'ff \'c7\'e0\'e5\'ec\'f9\'e8\'ea\'f3 \'e4\'ee \'e8\'f1\'f2\'e5\'f7\'e5\'ed\'e8\'ff \'ce\'e1\'f9\'e5\'e3\'ee \'f1\'f0\'ee\'ea\'e0 \'ef\'f0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e\'f1\'f2\'e0\'e2</w:t>
      </w:r>
      <w:r w:rsidRPr="00651F56">
        <w:rPr>
          <w:rFonts w:ascii="Courier New" w:hAnsi="Courier New" w:cs="Courier New"/>
        </w:rPr>
        <w:t>\'eb\'e5\'ed\'e8\'ff \'ca\'f0\'e5\'e4\'e8\'f2\'ee\'e2 \'ef\'ee\'f1\'eb\'e5 \'e2\'fb\'ef\'ee\'eb\'ed\'e5\'ed\'e8\'ff \'ee\'f2\'eb\'e0\'e3\'e0\'f2\'e5\'eb\'fc\'ed\'fb\'f5 \'f3\'f1\'eb\'ee\'e2\'e8\'e9, \'ef\'f0\'e5\'e4\'f3\'f1\'ec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f0\'e5\'ed\'ed\'f</w:t>
      </w:r>
      <w:r w:rsidRPr="00651F56">
        <w:rPr>
          <w:rFonts w:ascii="Courier New" w:hAnsi="Courier New" w:cs="Courier New"/>
        </w:rPr>
        <w:t xml:space="preserve">b\'f5 \'d1\'ee\'e3\'eb\'e0\'f8\'e5\'ed\'e8\'e5\'ec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nowidctlpar\wrapdefault\aspalpha\aspnum\faauto\adjustright\rin0\lin0\itap0\pararsid7828448 {\rtlch\fcs1 \ab\af0\afs22 \ltrch\fcs0 \b\fs22\insrsid7828448\charrsid7828448 \</w:t>
      </w:r>
      <w:r w:rsidRPr="00651F56">
        <w:rPr>
          <w:rFonts w:ascii="Courier New" w:hAnsi="Courier New" w:cs="Courier New"/>
        </w:rPr>
        <w:t>'c3\'f0\'e0\'f4\'e8\'ea \'ef\'ee\'e3\'e0\'f8\'e5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:}{\rtlch\fcs1 \af0\afs22 \ltrch\fcs0 \fs22\insrsid7828448\charrsid7828448  \'c5\'e6\'e5\'ec\'e5\'f1\'ff\'f7\'ed\'ee \'e2 \'ef\'e5\'f0\'e8\'ee\'e4 \'f1 15 \'ef\'ee 21 \'f7\'e8\'f1\'eb\'ee \'ec\'</w:t>
      </w:r>
      <w:r w:rsidRPr="00651F56">
        <w:rPr>
          <w:rFonts w:ascii="Courier New" w:hAnsi="Courier New" w:cs="Courier New"/>
        </w:rPr>
        <w:t xml:space="preserve">e5\'f1\'ff\'f6\'e0 \'ef\'ee 2\~500\~000 \'f0\'f3\'e1.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d\'e0\'f7\'e8\'ed\'e0\'ff \'f1 6-\'e3\'ee \'ec\'e5\'f1\'ff\'f6\'e0 \'f1 \'e4\'e0\'f2\'fb \'e7\'e0\'ea\'eb\'fe\'f7\'e5\'ed\'e8\'ff \'f1\'e4\'e5\'eb\'ea\'e8 (1-\'fb\'e9 \'ec\'e5\'f1\'ff\'f6 \endash </w:t>
      </w:r>
      <w:r w:rsidRPr="00651F56">
        <w:rPr>
          <w:rFonts w:ascii="Courier New" w:hAnsi="Courier New" w:cs="Courier New"/>
        </w:rPr>
        <w:t xml:space="preserve"> \'ec\'e5\'f1\'ff\'f6 \'e7\'e0\'ea\'eb\'fe\'f7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f \'f1\'e4\'e5\'eb\'ea\'e8), \'ee\'f1\'f2\'e0\'f2\'ee\'ea \'e4\'ee\'eb\'e3\'e0 \endash  \'e2 \'ef\'ee\'f1\'eb\'e5\'e4\'ed\'e8\'e5 7 \'e4\'ed\'e5\'e9 \'f1\'f0\'ee\'ea\'e0 \'e4\'e5\'e9\'f1\'f2\'e</w:t>
      </w:r>
      <w:r w:rsidRPr="00651F56">
        <w:rPr>
          <w:rFonts w:ascii="Courier New" w:hAnsi="Courier New" w:cs="Courier New"/>
        </w:rPr>
        <w:t>2\'e8\'ff \'ca\'f0\'e5\'e4\'e8\'f2\'ed\'ee\'e3\'ee 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3\'eb\'e0\'f8\'e5\'ed\'e8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nowidctlpar\wrapdefault\aspalpha\aspnum\faauto\adjustright\rin0\lin0\itap0\pararsid7828448 {\rtlch\fcs1 \af0\afs22 \ltrch\</w:t>
      </w:r>
      <w:r w:rsidRPr="00651F56">
        <w:rPr>
          <w:rFonts w:ascii="Courier New" w:hAnsi="Courier New" w:cs="Courier New"/>
        </w:rPr>
        <w:t>fcs0 \fs22\insrsid7828448\charrsid7828448 \'c7\'e0\'e5\'ec\'f9\'e8\'ea \'ee\'e1\'ff\'e7\'f3\'e5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f \'ef\'f0\'ee\'e8\'e7\'e2\'e5\'f1\'f2\'e8 \'ef\'ee\'e3\'e0\'f8\'e5\'ed\'e8\'e5 (\'e2\'ee\'e7\'e2\'f0\'e0\'f2) \'ea\'f0\'e5\'e4\'e8\'f2\'ee\'e2 \'e2</w:t>
      </w:r>
      <w:r w:rsidRPr="00651F56">
        <w:rPr>
          <w:rFonts w:ascii="Courier New" w:hAnsi="Courier New" w:cs="Courier New"/>
        </w:rPr>
        <w:t xml:space="preserve"> \'e4\'e0\'f2\'f3, \'ed\'e0\'f1\'f2\'f3\'ef\'e0\'fe\'f9\'f3\'fe \'f7\'e5\'f0\'e5\'e7 2555 \'ea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e5\'ed\'e4\'e0\'f0\'ed\'fb\'f5 \'e4\'ed\'e5\'e9 \'f1 \'e4\'e0\'f2\'fb \'e2\'f1\'f2\'f3\'ef\'eb\'e5\'ed\'e8\'ff \'e2 \'f1\'e8\'eb\'f3 \'d1\'ee\'e3\'eb\</w:t>
      </w:r>
      <w:r w:rsidRPr="00651F56">
        <w:rPr>
          <w:rFonts w:ascii="Courier New" w:hAnsi="Courier New" w:cs="Courier New"/>
        </w:rPr>
        <w:t>'e0\'f8\'e5\'ed\'e8\'ff \'e2 \'ef\'ee\'eb\'ed\'ee\'ec \'f0\'e0\'e7\'ec\'e5\'f0\'e5 \'e2 \'f1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f2\'e2\'e5\'f2\'f1\'f2\'e2\'e8\'e8 \'f1 \'c3\'f0\'e0\'f4\'e8\'ea\'ee\'ec \'ef\'ee\'e3\'e0\'f8\'e5\'ed\'e8\'ff (\'e2\'ee\'e7\'e2\'f0\'e0\'f2\'e0) \'ca\'f</w:t>
      </w:r>
      <w:r w:rsidRPr="00651F56">
        <w:rPr>
          <w:rFonts w:ascii="Courier New" w:hAnsi="Courier New" w:cs="Courier New"/>
        </w:rPr>
        <w:t>0\'e5\'e4\'e8\'f2\'ee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nowidctlpar\wrapdefault\aspalpha\aspnum\faauto\adjustright\rin0\lin0\itap0\pararsid7828448 {\rtlch\fcs1 \ab\af0\afs22 \ltrch\fcs0 \b\fs22\insrsid7828448\charrsid7828448 \'d6\'e5\'eb\'e5\'e2\'ee\'e</w:t>
      </w:r>
      <w:r w:rsidRPr="00651F56">
        <w:rPr>
          <w:rFonts w:ascii="Courier New" w:hAnsi="Courier New" w:cs="Courier New"/>
        </w:rPr>
        <w:t>5 \'ed\'e0\'e7\'ed\'e0\'f7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8\'e5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s22\insrsid7828448\charrsid7828448 -     \'cf\'f0\'e8\'ee\'e1\'f0\'e5\'f2\'e5\'ed\'e8\'e5, \'f0\'e5\'ec\'ee\'ed\'f2, \'ec\'ee\'e4\'e5\'f0\'ed\'e8\'e7\'e0\'f6\'e8\'ff</w:t>
      </w:r>
      <w:r w:rsidRPr="00651F56">
        <w:rPr>
          <w:rFonts w:ascii="Courier New" w:hAnsi="Courier New" w:cs="Courier New"/>
        </w:rPr>
        <w:t xml:space="preserve"> \'ee\'f1\'ed\'ee\'e2\'ed\'fb\'f5 \'f1\'f0\'e5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2\'e2 (\'e2\'ea\'eb\'fe\'f7\'e0\'ff \'ed\'e5\'e4\'e2\'e8\'e6\'e8\'ec\'ee\'e5 \'e8\'ec\'f3\'f9\'e5\'f1\'f2\'e2\'ee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widctlpar\tx319\wrapdefault\hyphpar0\a</w:t>
      </w:r>
      <w:r w:rsidRPr="00651F56">
        <w:rPr>
          <w:rFonts w:ascii="Courier New" w:hAnsi="Courier New" w:cs="Courier New"/>
        </w:rPr>
        <w:t xml:space="preserve">spalpha\faroman\adjustright\rin0\lin0\itap0\pararsid7828448 \rtlch\fcs1 \af0\afs24\alang1025 \ltrch\fcs0 \f1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0\fs22\insrsid7828448\charrsid7828448 - \'d4\'e8\'ed</w:t>
      </w:r>
      <w:r w:rsidRPr="00651F56">
        <w:rPr>
          <w:rFonts w:ascii="Courier New" w:hAnsi="Courier New" w:cs="Courier New"/>
        </w:rPr>
        <w:t>\'e0\'ed\'f1\'e8\'f0\'ee\'e2\'e0\'ed\'e8\'e5 \'f1\'f2\'f0\'ee\'e8\'f2\'e5\'eb\'fc\'f1\'f2\'e2\'e0 (\'f0\'e5\'ea\'ee\'ed\'f1\'f2\'f0\'f3\'ea\'f6\'e8\'e8) \'ed\'e5\'e4\'e2\'e8\'e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c\'ee\'f1\'f2\'e8 \'e4\'eb\'ff \'ee\'f1\'f3\'f9\'e5\'f1\'f2\'e2\'eb\'e</w:t>
      </w:r>
      <w:r w:rsidRPr="00651F56">
        <w:rPr>
          <w:rFonts w:ascii="Courier New" w:hAnsi="Courier New" w:cs="Courier New"/>
        </w:rPr>
        <w:t>5\'ed\'e8\'ff \'e4\'e5\'ff\'f2\'e5\'eb\'fc\'ed\'ee\'f1\'f2\'e8 \'e2 \'f2.\'f7.: \'ee\'ef\'eb\'e0\'f2\'e0 \'e8\'ed\'e6\'e5\'ed\'e5\'f0\'ed\'fb\'f5 \'e8\'e7\'fb\'f1\'ea\'e0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9 \'e8 \'ef\'f0\'ee\'e5\'ea\'f2\'ed\'ee\'e9 \'e4\'ee\'ea\'f3\'ec\'e5\'ed\</w:t>
      </w:r>
      <w:r w:rsidRPr="00651F56">
        <w:rPr>
          <w:rFonts w:ascii="Courier New" w:hAnsi="Courier New" w:cs="Courier New"/>
        </w:rPr>
        <w:t>'f2\'e0\'f6\'e8\'e8, \'ee\'ef\'eb\'e0\'f2\'e0 \'f0\'e0\'e1\'ee\'f2 \'e8 \'f3\'f1\'eb\'f3\'e3, \'ee\'ef\'eb\'e0\'f2\'e0 \'f1\'f2\'f0\'ee\'e8\'f2\'e5\'eb\'fc\'ed\'ee-\'ec\'ee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0\'e6\'ed\'fb\'f5 \'f0\'e0\'e1\'ee\'f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43\qj \li</w:t>
      </w:r>
      <w:r w:rsidRPr="00651F56">
        <w:rPr>
          <w:rFonts w:ascii="Courier New" w:hAnsi="Courier New" w:cs="Courier New"/>
        </w:rPr>
        <w:t>0\ri0\nowidctlpar\tx305\wrapdefault\aspalpha\aspnum\faauto\adjustright\rin0\lin0\itap0\pararsid7828448 {\rtlch\fcs1 \af0\afs22 \ltrch\fcs0 \f0\fs22\insrsid7828448\charrsid7828448 -     \'d4\'e8\'ed\'e0\'ed\'f1\'e8\'f0\'ee\'e2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8\'e5 \'e7\'e0\'f2</w:t>
      </w:r>
      <w:r w:rsidRPr="00651F56">
        <w:rPr>
          <w:rFonts w:ascii="Courier New" w:hAnsi="Courier New" w:cs="Courier New"/>
        </w:rPr>
        <w:t>\'f0\'e0\'f2, \'f1\'e2\'ff\'e7\'e0\'ed\'ed\'fb\'f5 \'f1 \'ef\'f0\'e8\'ee\'e1\'f0\'e5\'f2\'e5\'ed\'e8\'e5\'ec \'ed\'e5\'e4\'e2\'e8\'e6\'e8\'ec\'ee\'f1\'f2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i\af0\afs22 \ltrch\fcs0 \b\f0\fs22\insrsid7828448\charrsid7828448 \'ce\'e1\</w:t>
      </w:r>
      <w:r w:rsidRPr="00651F56">
        <w:rPr>
          <w:rFonts w:ascii="Courier New" w:hAnsi="Courier New" w:cs="Courier New"/>
        </w:rPr>
        <w:t xml:space="preserve">'e5\'f1\'ef\'e5\'f7\'e5\'ed\'e8\'e5: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43\qj \li34\ri0\widctlpar\wrapdefault\aspalpha\aspnum\faauto\adjustright\rin0\lin34\itap0\pararsid7828448 {\rtlch\fcs1 \ai\af0\afs22 \ltrch\fcs0 \f0\fs22\insrsid7828448\charrsid7828448 \'cf\'ee\'f</w:t>
      </w:r>
      <w:r w:rsidRPr="00651F56">
        <w:rPr>
          <w:rFonts w:ascii="Courier New" w:hAnsi="Courier New" w:cs="Courier New"/>
        </w:rPr>
        <w:t>0\'f3\'f7\'e8\'f2\'e5\'eb\'fc\'f1\'f2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e \'f2\'f0\'e5\'f2\'fc\'e8\'f5 \'eb\'e8\'f6:}{\rtlch\fcs1 \af0\afs22 \ltrch\fcs0 \f0\fs22\insrsid7828448\charrsid7828448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</w:t>
      </w:r>
      <w:r w:rsidRPr="00651F56">
        <w:rPr>
          <w:rFonts w:ascii="Courier New" w:hAnsi="Courier New" w:cs="Courier New"/>
        </w:rPr>
        <w:t>d7828448\charrsid7828448 \hich\af0\dbch\af0\loch\f0 -\tab}}\pard \ltrpar\s43\qj \fi-283\li317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x317\wrapdefault\aspalpha\aspnum\faauto\ls41\adjustright\rin0\lin317\itap0\pararsid7828448 {\rtlch\fcs1 \af0\afs22 \ltrch\fcs0 \f0\fs22\insrsid78</w:t>
      </w:r>
      <w:r w:rsidRPr="00651F56">
        <w:rPr>
          <w:rFonts w:ascii="Courier New" w:hAnsi="Courier New" w:cs="Courier New"/>
        </w:rPr>
        <w:t>28448\charrsid7828448 \'ce\'ce\'ce \'ab\'c4\'e0\'eb\'fc\'d0\'fb\'e1\'cf\'ee\'f0\'f2\'bb 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2537047582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{\listtext\pard\plain\ltrpar \s43 \rtlch\fcs1 \af0\afs22 \ltrch\fcs0 \fs22\insrsid7828448\charrsid7828448 \hich\af0\dbch\af0\loch\f0 </w:t>
      </w:r>
      <w:r w:rsidRPr="00651F56">
        <w:rPr>
          <w:rFonts w:ascii="Courier New" w:hAnsi="Courier New" w:cs="Courier New"/>
        </w:rPr>
        <w:t>-\tab}\'c0\'ce \'ab\'c4\'e0\'eb\'fc\'ea\'ee\'ec\'f5\'ee\'eb\'ee\'e4\'bb  (\'c8\'cd\'cd 2537003955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7828448\charrsid7828448 \hich\af0\dbch\af0\loch\f0 -\tab}\'d0\'fb\'e</w:t>
      </w:r>
      <w:r w:rsidRPr="00651F56">
        <w:rPr>
          <w:rFonts w:ascii="Courier New" w:hAnsi="Courier New" w:cs="Courier New"/>
        </w:rPr>
        <w:t>1\'ee\'eb\'ee\'e2\'e5\'f6\'ea\'e8\'e9 \'ea\'ee\'eb\'f5\'ee\'e7 \'ab\'ce\'e3\'ed\'e8 \'c2\'ee\'f1\'f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0\'bb (\'c8\'cd\'cd 2528004952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7828448\charrsid782844</w:t>
      </w:r>
      <w:r w:rsidRPr="00651F56">
        <w:rPr>
          <w:rFonts w:ascii="Courier New" w:hAnsi="Courier New" w:cs="Courier New"/>
        </w:rPr>
        <w:t>8 \hich\af0\dbch\af0\loch\f0 -\tab}\'ce\'ce\'ce \'ab\'c0\'ea\'e2\'e0-\'d0\'e5\'f1\'f3\'f0\'f1\'fb\'bb (\'c8\'cd\'cd 253705259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7828448\charrsid7828448 \hich\af0\dbch\</w:t>
      </w:r>
      <w:r w:rsidRPr="00651F56">
        <w:rPr>
          <w:rFonts w:ascii="Courier New" w:hAnsi="Courier New" w:cs="Courier New"/>
        </w:rPr>
        <w:t>af0\loch\f0 -\tab}\'ce\'ce\'ce \'ab\'cc\'e0\'e3\'e8\'f1\'f2\'f0\'e0\'eb\'fc-\'c4\'c2\'bb (\'c8\'cd\'cd 254007789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7828448\charrsid7828448 \hich\af0\dbch\af0\loch\f0 -</w:t>
      </w:r>
      <w:r w:rsidRPr="00651F56">
        <w:rPr>
          <w:rFonts w:ascii="Courier New" w:hAnsi="Courier New" w:cs="Courier New"/>
        </w:rPr>
        <w:t>\tab}\'ce\'ce\'ce \'ab\'c4\'e0\'eb\'fc\'ed\'e5\'e2\'ee\'f1\'f2\'ee\'f7\'ed\'e0\'ff \'f2\'f0\'e0\'ed\'f1\'ef\'ee\'f0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0\'ff \'ea\'ee\'ec\'ef\'e0\'ed\'e8\'ff\'bb (\'c8\'cd\'cd 253708931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</w:t>
      </w:r>
      <w:r w:rsidRPr="00651F56">
        <w:rPr>
          <w:rFonts w:ascii="Courier New" w:hAnsi="Courier New" w:cs="Courier New"/>
        </w:rPr>
        <w:t>fs22 \ltrch\fcs0 \fs22\insrsid7828448\charrsid7828448 \hich\af0\dbch\af0\loch\f0 -\tab}\'ce\'ce\'ce \'ab\'d2\'e8\'f5\'ee\'ee\'ea\'e5\'e0\'ed\'f1\'ea\'e8\'e9 \'e1\'e0\'eb\'ea\'e5\'f0\'ed\'fb\'e9 \'f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c\'e8\'ed\'e0\'eb\'bb (\'c8\'cd\'cd 253713161</w:t>
      </w:r>
      <w:r w:rsidRPr="00651F56">
        <w:rPr>
          <w:rFonts w:ascii="Courier New" w:hAnsi="Courier New" w:cs="Courier New"/>
        </w:rPr>
        <w:t>1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7828448\charrsid7828448 \hich\af0\dbch\af0\loch\f0 -\tab}\'ce\'ce\'ce \'ab\'d2\'e5\'f0\'ec\'e8\'ed\'e0\'eb \'c0\'f1\'f2\'e0\'f4\'fc\'e5\'e2\'e0\'bb 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</w:t>
      </w:r>
      <w:r w:rsidRPr="00651F56">
        <w:rPr>
          <w:rFonts w:ascii="Courier New" w:hAnsi="Courier New" w:cs="Courier New"/>
        </w:rPr>
        <w:t>2508129784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7828448\charrsid7828448 \hich\af0\dbch\af0\loch\f0 -\tab}\'ce\'ce\'ce \'ab\'c1\'e5\'f0\'e5\'e3\'e0 \'cf\'f0\'e8\'ec\'ee\'f0\'fc\'ff\'bb (\'c8\'cd\'cd 25370</w:t>
      </w:r>
      <w:r w:rsidRPr="00651F56">
        <w:rPr>
          <w:rFonts w:ascii="Courier New" w:hAnsi="Courier New" w:cs="Courier New"/>
        </w:rPr>
        <w:t>82386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7828448\charrsid7828448 \hich\af0\dbch\af0\loch\f0 -\tab}\'ce\'ce\'ce \'ab\'c0\'ea\'e2\'e0\'e8\'ed\'e4\'f3\'f1\'f2\'f0\'e8\'ff\'bb (\'c8\'cd\'cd 2537067613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</w:t>
      </w:r>
      <w:r w:rsidRPr="00651F56">
        <w:rPr>
          <w:rFonts w:ascii="Courier New" w:hAnsi="Courier New" w:cs="Courier New"/>
        </w:rPr>
        <w:t>par }\pard \ltrpar\s43\qj \li0\ri0\widctlpar\tx350\wrapdefault\aspalpha\aspnum\faauto\adjustright\rin0\lin0\itap0\pararsid7828448 {\rtlch\fcs1 \af0\afs22 \ltrch\fcs0 \f0\fs22\insrsid7828448\charrsid7828448 -   \'ca\'ee\'ed\'e4\'f0\'e0\'f2\'ee\'e2 \'d0\'f3\</w:t>
      </w:r>
      <w:r w:rsidRPr="00651F56">
        <w:rPr>
          <w:rFonts w:ascii="Courier New" w:hAnsi="Courier New" w:cs="Courier New"/>
        </w:rPr>
        <w:t>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b\'e0\'ed \'c2\'e8\'ea\'f2\'ee\'f0\'ee\'e2\'e8\'f7;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4\qj \li0\ri0\nowidctlpar\wrapdefault\faauto\rin0\lin0\itap0\pararsid7828448 \rtlch\fcs1 \af1\afs24\alang1025 \ltrch\fcs0 \f1\fs24\cf1\lang1049\langfe1049\cgrid\langn</w:t>
      </w:r>
      <w:r w:rsidRPr="00651F56">
        <w:rPr>
          <w:rFonts w:ascii="Courier New" w:hAnsi="Courier New" w:cs="Courier New"/>
        </w:rPr>
        <w:t xml:space="preserve">p1049\langfenp1049 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0\fs22\cf0\insrsid7828448\charrsid7828448 \'c2\'e8\'e4 \'ee\'f2\'e2\'e5\'f2\'f1\'f2\'e2\'e5\'ed\'ed\'ee\'f1\'f2\'e8 \'ef\'ee\'f0\'f3\'f7\'e8\'f2\'e5\'eb\'ff: \'f1\'ee\'eb\'e8\'e4\'e0\'f0\'ed\'e0\'f</w:t>
      </w:r>
      <w:r w:rsidRPr="00651F56">
        <w:rPr>
          <w:rFonts w:ascii="Courier New" w:hAnsi="Courier New" w:cs="Courier New"/>
        </w:rPr>
        <w:t xml:space="preserve">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0\'e0\'e7\'ec\'e5\'f0 \'ee\'f2\'e2\'e5\'f2\'f1\'f2\'e2\'e5\'ed\'ed\'ee\'f1\'f2\'e8 \'ef\'ee\'f0\'f3\'f7\'e8\'f2\'e5\'eb\'ff: \'ed\'e0 \'e2\'f1\'fe \'f1\'f3\'ec\'ec\'f3 \'ee\'e1\'ff\'e7\'e0\'f2\'e5\'eb\'fc\'f1\'f2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</w:t>
      </w:r>
      <w:r w:rsidRPr="00651F56">
        <w:rPr>
          <w:rFonts w:ascii="Courier New" w:hAnsi="Courier New" w:cs="Courier New"/>
        </w:rPr>
        <w:t xml:space="preserve">\s43\qj \li0\ri0\nowidctlpar\tx350\wrapdefault\aspalpha\aspnum\faauto\adjustright\rin0\lin0\itap0\pararsid7828448 \rtlch\fcs1 \af0\afs24\alang1025 \ltrch\fcs0 \f1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af0\afs22 \ltrch\fcs0 </w:t>
      </w:r>
      <w:r w:rsidRPr="00651F56">
        <w:rPr>
          <w:rFonts w:ascii="Courier New" w:hAnsi="Courier New" w:cs="Courier New"/>
        </w:rPr>
        <w:t xml:space="preserve">\f0\fs22\insrsid7828448\charrsid782844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43\qj \li0\ri0\widctlpar\tx350\wrapdefault\aspalpha\aspnum\faauto\adjustright\rin0\lin0\itap0\pararsid7828448 {\rtlch\fcs1 \af0\afs22 \ltrch\fcs0 \f0\fs22\insrsid7828448\charrsid7828448 \'c7\'e</w:t>
      </w:r>
      <w:r w:rsidRPr="00651F56">
        <w:rPr>
          <w:rFonts w:ascii="Courier New" w:hAnsi="Courier New" w:cs="Courier New"/>
        </w:rPr>
        <w:t>0\'eb\'ee\'e3 \'e4\'e2\'e8\'e6\'e8\'ec\'ee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 \'e8\'ec\'f3\'f9\'e5\'f1\'f2\'e2\'e0 (\'f1\'ef\'e5\'f6\'f2\'e5\'f5\'ed\'e8\'ea\'e8, \'ee\'e1\'ee\'f0\'f3\'e4\'ee\'e2\'e0\'ed\'e8\'ff), \'ef\'f0\'e8\'ed\'e0\'e4\'eb\'e5\'e6\'e0\'f9\'e5\'e3\'ee \'c0\'ce \'</w:t>
      </w:r>
      <w:r w:rsidRPr="00651F56">
        <w:rPr>
          <w:rFonts w:ascii="Courier New" w:hAnsi="Courier New" w:cs="Courier New"/>
        </w:rPr>
        <w:t>ab\'d2\'e5\'f0\'ec\'e8\'ed\'e0\'eb \'c0\'f1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f4\'fc\'e5\'e2\'e0\'bb \'e2 \'f1\'ee\'ee\'f2\'e2\'e5\'f2\'f1\'f2\'e2\'e8\'e8 \'f1 \'e4\'ee\'e3\'ee\'e2\'ee\'f0\'ee\'ec \'ee \'e7\'e0\'eb\'ee\'e3\'e5, \'ea\'ee\'f2\'ee\'f0\'fb\'e9 \'ef\'ee\'e4\'eb\'e5\'</w:t>
      </w:r>
      <w:r w:rsidRPr="00651F56">
        <w:rPr>
          <w:rFonts w:ascii="Courier New" w:hAnsi="Courier New" w:cs="Courier New"/>
        </w:rPr>
        <w:t>e6\'e8\'f2 \'e7\'e0\'ea\'eb\'fe\'f7\'e5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e \'ec\'e5\'e6\'e4\'f3 \'ca\'f0\'e5\'e4\'e8\'f2\'ee\'f0\'ee\'ec \'e8 \'c7\'e0\'e5\'ec\'f9\'e8\'ea\'ee\'ec \'ef\'ee \'f4\'ee\'f0\'ec\'e5, \'ef\'f0\'e5\'e4\'eb\'ee\'e6\'e5\'ed\'ed\'ee\'e9 \'ca\'f0\'e5\'e4\'</w:t>
      </w:r>
      <w:r w:rsidRPr="00651F56">
        <w:rPr>
          <w:rFonts w:ascii="Courier New" w:hAnsi="Courier New" w:cs="Courier New"/>
        </w:rPr>
        <w:t>e8\'f2\'ee\'f0\'ee\'ec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tqc\tx4677\tqr\tx9355\wrapdefault\aspalpha\aspnum\faauto\adjustright\rin0\lin0\itap0\pararsid7828448 \rtlch\fcs1 \af0\afs20\alang1025 \ltrch\fcs0 \fs20\lang1049\langfe1049\cgrid\langn</w:t>
      </w:r>
      <w:r w:rsidRPr="00651F56">
        <w:rPr>
          <w:rFonts w:ascii="Courier New" w:hAnsi="Courier New" w:cs="Courier New"/>
        </w:rPr>
        <w:t>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b\af0\afs22 \ltrch\fcs0 \b\fs22\insrsid7828448\charrsid7828448 \'cf\'f0\'ee\'f6\'e5\'ed\'f2\'ed\'e0\'ff \'f1\'f2\'e0\'e2\'ea\'e0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4\qj \li0\ri0\nowidctlpar\wrapdefault\faauto\rin0\lin0\itap0\</w:t>
      </w:r>
      <w:r w:rsidRPr="00651F56">
        <w:rPr>
          <w:rFonts w:ascii="Courier New" w:hAnsi="Courier New" w:cs="Courier New"/>
        </w:rPr>
        <w:t xml:space="preserve">pararsid7828448 \rtlch\fcs1 \af1\afs24\alang1025 \ltrch\fcs0 \f1\fs24\cf1\lang1049\langfe1049\cgrid\langnp1049\langfenp1049 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cf0\lang1049\langfe1033\loch\af0\hich\af0\dbch\af39\langfenp1033\insrsid7828448\charrsid</w:t>
      </w:r>
      <w:r w:rsidRPr="00651F56">
        <w:rPr>
          <w:rFonts w:ascii="Courier New" w:hAnsi="Courier New" w:cs="Courier New"/>
        </w:rPr>
        <w:t xml:space="preserve">7828448 \loch\af0\dbch\af39\hich\f0 \'c8\'ed\'e4\'e8\'e2\'e8\'e4\'f3\'e0\'eb\'fc\'ed\'e0\'ff\loch\f0 \hich\f0  \'ef\'eb\'e0\'e2\'e0\'fe\'f9\'e0\'ff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f\'f0\'ee\'f6\'e5\'ed\'f2\'ed\'e0\'ff\loch\f0 \hich\f0  \'f1\'f2\'e0\'e2\'ea\'e0\loch</w:t>
      </w:r>
      <w:r w:rsidRPr="00651F56">
        <w:rPr>
          <w:rFonts w:ascii="Courier New" w:hAnsi="Courier New" w:cs="Courier New"/>
        </w:rPr>
        <w:t xml:space="preserve">\f0 \hich\f0  \'ed\'e0\loch\f0 \hich\f0  \'e1\'e0\'e7\'e5\loch\f0 \hich\f0  \'ea\'eb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cf0\lang1049\langfe1033\loch\af0\hich\af0\dbch\af39\langfenp1033\insrsid7828448\charrsid7828448\hres1\chhres0 \loch\af0\dbch\af</w:t>
      </w:r>
      <w:r w:rsidRPr="00651F56">
        <w:rPr>
          <w:rFonts w:ascii="Courier New" w:hAnsi="Courier New" w:cs="Courier New"/>
        </w:rPr>
        <w:t xml:space="preserve">39\hich\f0 \'fe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s22\cf0\lang1049\langfe1033\loch\af0\hich\af0\dbch\af39\langfenp1033\insrsid7828448\charrsid7828448 \loch\af0\dbch\af39\hich\f0 \'f7\'e5\'e2\'ee\'e9\loch\f0 \hich\f0  \'f1\'f2\'e0\'e2\'ea\'e8\loch\f0 </w:t>
      </w:r>
      <w:r w:rsidRPr="00651F56">
        <w:rPr>
          <w:rFonts w:ascii="Courier New" w:hAnsi="Courier New" w:cs="Courier New"/>
        </w:rPr>
        <w:t>\hich\f0  \'c1\'e0\'ed\'ea\'e0\loch\f0 \hich\f0  \'d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f1\'f1\'e8\'e8\loch\f0 \hich\f0 , \'f3\'f2\'e2\'e5\'f0\'e6\'e4\'e5\'ed\'ed\'e0\'ff\loch\f0 \hich\f0  \'e2\loch\f0 \hich\f0  \'f1\'ee\'ee\'f2\'e2\'e5\'f2\'f1\'f2\'e2\'e8\'e8\loch\f0 \hich\f0  \'f1</w:t>
      </w:r>
      <w:r w:rsidRPr="00651F56">
        <w:rPr>
          <w:rFonts w:ascii="Courier New" w:hAnsi="Courier New" w:cs="Courier New"/>
        </w:rPr>
        <w:t>\loch\f0 \hich\f0  \'f3\'f1\'f2\'e0\'ed\'ee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s22\cf0\lang1049\langfe1033\loch\af0\hich\af0\dbch\af39\langfenp1033\insrsid7828448\charrsid7828448\hres1\chhres0 \loch\af0\dbch\af39\hich\f0 \'e2}{\rtlch\fcs1 \af0\afs22 \</w:t>
      </w:r>
      <w:r w:rsidRPr="00651F56">
        <w:rPr>
          <w:rFonts w:ascii="Courier New" w:hAnsi="Courier New" w:cs="Courier New"/>
        </w:rPr>
        <w:t xml:space="preserve">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cf0\lang1049\langfe1033\loch\af0\hich\af0\dbch\af39\langfenp1033\insrsid7828448\charrsid7828448 \loch\af0\dbch\af39\hich\f0 \'eb\'e5\'ed\'ed\'fb\'ec\loch\f0 \hich\f0  \'e2\loch\f0 \hich\f0  \'c1\'e0\'ed\'ea\'e5\loch\f0 \hich\f0  \'ef\'ee</w:t>
      </w:r>
      <w:r w:rsidRPr="00651F56">
        <w:rPr>
          <w:rFonts w:ascii="Courier New" w:hAnsi="Courier New" w:cs="Courier New"/>
        </w:rPr>
        <w:t>\'f0\'ff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e\'ec\loch\f0 \hich\f0 , \'ee\'ef\'f0\'e5\'e4\'e5\'eb\'ff\'e5\'f2\'f1\'ff\loch\f0 \hich\f0  \'ea\'e0\'ea}{\rtlch\fcs1 \af0\afs22 \ltrch\fcs0 \i\f0\fs22\cf0\insrsid7828448\charrsid7828448  \'ca\'eb\'fe\'f7\'e5\'e2\'e0\'ff \'f1\'f2\'e0\'</w:t>
      </w:r>
      <w:r w:rsidRPr="00651F56">
        <w:rPr>
          <w:rFonts w:ascii="Courier New" w:hAnsi="Courier New" w:cs="Courier New"/>
        </w:rPr>
        <w:t xml:space="preserve">e2\'ea\'e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1\'e0\'ed\'ea\'e0 \'d0\'ee\'f1\'f1\'e8\'e8, \'f3\'e2\'e5\'eb\'e8\'f7\'e5\'ed\'ed\'e0\'ff \'ed\'e0  2,85  \'ef\'f0\'ee\'f6\'e5\'ed\'f2\'e0 \'e3\'ee\'e4\'ee\'e2\'fb\'f5}{\rtlch\fcs1 \af0\afs22 \ltrch\fcs0 \f0\fs22\cf0\insrsid7828448\charrsid7</w:t>
      </w:r>
      <w:r w:rsidRPr="00651F56">
        <w:rPr>
          <w:rFonts w:ascii="Courier New" w:hAnsi="Courier New" w:cs="Courier New"/>
        </w:rPr>
        <w:t>828448 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6\ql \li0\ri0\widctlpar\tqc\tx4153\tqr\tx8306\wrapdefault\aspalpha\aspnum\faauto\adjustright\rin0\lin0\itap0\pararsid7828448 \rtlch\fcs1 \af0\afs20\alang1025 \ltrch\fcs0 \fs20\lang1049\langfe1049\cgrid\langnp1049\lan</w:t>
      </w:r>
      <w:r w:rsidRPr="00651F56">
        <w:rPr>
          <w:rFonts w:ascii="Courier New" w:hAnsi="Courier New" w:cs="Courier New"/>
        </w:rPr>
        <w:t>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s22\insrsid7828448\charrsid7828448 \'c7\'ed\'e0\'f7\'e5\'ed\'e8\'e5 \'ea\'eb\'fe\'f7\'e5\'e2\'ee\'e9 \'f1\'f2\'e0\'e2\'ea\'e8 \'c1\'e0\'ed\'ea\'e0 \'d0\'ee\'f1\'f1\'e8\'e8 \'ee\'ef\'f0\'e5\'e4\'e5\'eb\'ff\'</w:t>
      </w:r>
      <w:r w:rsidRPr="00651F56">
        <w:rPr>
          <w:rFonts w:ascii="Courier New" w:hAnsi="Courier New" w:cs="Courier New"/>
        </w:rPr>
        <w:t>e5\'f2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 \'ed\'e0 \'ee\'f1\'ed\'ee\'e2\'e0\'ed\'e8\'e8 \'e8\'ed\'f4\'ee\'f0\'ec\'e0\'f6\'e8\'e8, \'f0\'e0\'e7\'ec\'e5\'f9\'e5\'ed\'ed\'ee\'e9 \'ed\'e0 \'ee\'f4\'e8\'f6\'e8\'e0\'eb\'fc\'ed\'ee\'ec \'f1\'e0\'e9\'f2\'e5 \'c1\'e0\'ed\'ea\'e0 \'d0\'ee\'</w:t>
      </w:r>
      <w:r w:rsidRPr="00651F56">
        <w:rPr>
          <w:rFonts w:ascii="Courier New" w:hAnsi="Courier New" w:cs="Courier New"/>
        </w:rPr>
        <w:t>f1\'f1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8 \'e2 \'f1\'e5\'f2\'e8 \'c8\'ed\'f2\'e5\'f0\'ed\'e5\'f2 (\'ed\'e0 \'f1\'e0\'e9\'f2\'e5 www.cbr.ru \'e8\'eb\'e8 \'e8\'ed\'ee\'ec \'ee\'f4\'e8\'f6\'e8\'e0\'eb\'fc\'ed\'ee\'ec \'f1\'e0\'e9\'f2\'e5 \'c1\'e0\'ed\'ea\'e0 \'d0\'ee\'f1\'f1\'e8\'e8 </w:t>
      </w:r>
      <w:r w:rsidRPr="00651F56">
        <w:rPr>
          <w:rFonts w:ascii="Courier New" w:hAnsi="Courier New" w:cs="Courier New"/>
        </w:rPr>
        <w:t>\'e2 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3\'f7\'e0\'e5 \'e5\'e3\'ee \'e8\'e7\'ec\'e5\'ed\'e5\'ed\'e8\'ff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widctlpar\tx317\wrapdefault\aspalpha\aspnum\faauto\adjustright\rin0\lin0\itap0\pararsid7828448 \rtlch\fcs1 \af0\afs24\alang1025 \</w:t>
      </w:r>
      <w:r w:rsidRPr="00651F56">
        <w:rPr>
          <w:rFonts w:ascii="Courier New" w:hAnsi="Courier New" w:cs="Courier New"/>
        </w:rPr>
        <w:t xml:space="preserve">ltrch\fcs0 \f1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0\fs22\insrsid7828448\charrsid7828448 \'cf\'e5\'f0\'e5\'f1\'ec\'ee\'f2\'f0 \'ea\'eb\'fe\'f7\'e5\'e2\'ee\'e9 \'f1\'f2\'e0\'e2\'ea\'e8 \'c1\'e0\'ed\</w:t>
      </w:r>
      <w:r w:rsidRPr="00651F56">
        <w:rPr>
          <w:rFonts w:ascii="Courier New" w:hAnsi="Courier New" w:cs="Courier New"/>
        </w:rPr>
        <w:t>'ea\'e0 \'d0\'ee\'f1\'f1\'e8\'e8 \'ee\'f1\'f3\'f9\'e5\'f1\'f2\'e2\'eb\'ff\'e5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f \'ed\'e0 \'e5\'e6\'e5\'e4\'ed\'e5\'e2\'ed\'ee\'e9 \'ee\'f1\'ed\'ee\'e2\'e5. \'cf\'f0\'e8 \'e8\'e7\'ec\'e5\'ed\'e5\'ed\'e8\'e8 \'ea\'eb\'fe\'f7\'e5\'e2\'ee\'e9 \'f1\</w:t>
      </w:r>
      <w:r w:rsidRPr="00651F56">
        <w:rPr>
          <w:rFonts w:ascii="Courier New" w:hAnsi="Courier New" w:cs="Courier New"/>
        </w:rPr>
        <w:t>'f2\'e0\'e2\'ea\'e8 \'c1\'e0\'ed\'ea\'e0 \'d0\'ee\'f1\'f1\'e8\'e8 \'ef\'f0\'ee\'f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f2\'ed\'e0\'ff \'f1\'f2\'e0\'e2\'ea\'e0 \'ef\'ee \'ca\'f0\'e5\'e4\'e8\'f2\'ed\'ee\'e9 \'eb\'e8\'ed\'e8\'e8 \'f1\'f7\'e8\'f2\'e0\'e5\'f2\'f1\'ff \'e8\'e7\'ec\'e5\'</w:t>
      </w:r>
      <w:r w:rsidRPr="00651F56">
        <w:rPr>
          <w:rFonts w:ascii="Courier New" w:hAnsi="Courier New" w:cs="Courier New"/>
        </w:rPr>
        <w:t xml:space="preserve">ed\'e5\'ed\'ed\'ee\'e9 \'e2 \'e4\'e0\'f2\'f3, \'f1 \'ea\'ee\'f2\'ee\'f0\'ee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'f1\'f2\'e0\'ed\'e0\'e2\'eb\'e8\'e2\'e0\'e5\'f2\'f1\'ff \'ed\'ee\'e2\'ee\'e5 \'e7\'ed\'e0\'f7\'e5\'ed\'e8\'e5 \'ea\'eb\'fe\'f7\'e5\'e2\'ee\'e9 \'f1\'f2\'e0\'e2\'ea\'e8 \</w:t>
      </w:r>
      <w:r w:rsidRPr="00651F56">
        <w:rPr>
          <w:rFonts w:ascii="Courier New" w:hAnsi="Courier New" w:cs="Courier New"/>
        </w:rPr>
        <w:t>'c1\'e0\'ed\'ea\'e0 \'d0\'ee\'f1\'f1\'e8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i\af0\afs22 \ltrch\fcs0 \b\f0\fs22\insrsid7828448\charrsid7828448 \'cf\'ee\'f0\'ff\'e4\'ee\'ea \'f3\'ef\'eb\'e0\'f2\'fb \'ef\'f0\'ee\'f6\'e5\'ed\'f2\'ee\'e2:}{\rtlch\fcs1 \ai\af0\afs22 \lt</w:t>
      </w:r>
      <w:r w:rsidRPr="00651F56">
        <w:rPr>
          <w:rFonts w:ascii="Courier New" w:hAnsi="Courier New" w:cs="Courier New"/>
        </w:rPr>
        <w:t xml:space="preserve">rch\fcs0 \f0\fs22\insrsid7828448\charrsid7828448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f\'f0\'ee\'f6\'e5\'ed\'f2\'fb \'ed\'e0\'f7\'e8\'f1\'eb\'ff\'fe\'f2\'f1\'ff \'ed\'e0 \'ce\'f1\'ed\'ee\'e2\'ed\'ee\'e9 \'e4\'ee\'eb\'e3, \'ed\'e0\'f7\'e8\'ed\'e0\'ff \'f1 \'e4\'e0\'f2\'fb, \'f1\'eb\'e5\'</w:t>
      </w:r>
      <w:r w:rsidRPr="00651F56">
        <w:rPr>
          <w:rFonts w:ascii="Courier New" w:hAnsi="Courier New" w:cs="Courier New"/>
        </w:rPr>
        <w:t>e4\'f3\'fe\'f9\'e5\'e9 \'e7\'e0 \'e4\'e0\'f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9 \'ef\'e5\'f0\'e2\'ee\'e3\'ee \'ef\'f0\'e5\'e4\'ee\'f1\'f2\'e0\'e2\'eb\'e5\'ed\'e8\'ff \'ca\'f0\'e5\'e4\'e8\'f2\'e0 \'e2 \'f0\'e0\'ec\'ea\'e0\'f5 \'ea\'f0\'e5\'e4\'e8\'f2\'ed\'ee\'e9 \'eb\'e8\'ed\'e8\'e</w:t>
      </w:r>
      <w:r w:rsidRPr="00651F56">
        <w:rPr>
          <w:rFonts w:ascii="Courier New" w:hAnsi="Courier New" w:cs="Courier New"/>
        </w:rPr>
        <w:t>8, \'ef\'ee \'e4\'e0\'f2\'f3 \'f4\'e0\'ea\'f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7\'e5\'f1\'ea\'ee\'e3\'ee \'ee\'ea\'ee\'ed\'f7\'e0\'f2\'e5\'eb\'fc\'ed\'ee\'e3\'ee \'ef\'ee\'e3\'e0\'f8\'e5\'ed\'e8\'ff \'ca\'f0\'e5\'e4\'e8\'f2\'ee\'e2 \'e2 \'f0\'e0\'ec\'ea\'e0\'f5 \'ca\'f0\'e5\'e4\'e</w:t>
      </w:r>
      <w:r w:rsidRPr="00651F56">
        <w:rPr>
          <w:rFonts w:ascii="Courier New" w:hAnsi="Courier New" w:cs="Courier New"/>
        </w:rPr>
        <w:t>8\'f2\'ed\'ee\'e9 \'eb\'e8\'ed\'e8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\'e5\'ec\'f9\'e8\'ea \'ee\'e1\'ff\'e7\'f3\'e5\'f2\'f1\'ff \'f3\'ef\'eb\'e0\'f7\'e8\'e2\'e0\'f2\'fc \'ef\'f0\'ee\'f6\'e5\'ed\'f2\'fb \'e5\'e6\'e5\'ec\'e5\'f1\'ff\'f7\'ed\'ee, \'f1 1 \'ef\'ee 15 \'f7\'e8\</w:t>
      </w:r>
      <w:r w:rsidRPr="00651F56">
        <w:rPr>
          <w:rFonts w:ascii="Courier New" w:hAnsi="Courier New" w:cs="Courier New"/>
        </w:rPr>
        <w:t>'f1\'eb\'ee \'ea\'e0\'e6\'e4\'ee\'e3\'ee 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1\'ff\'f6\'e0, \'ed\'e0\'f7\'e8\'f1\'eb\'e5\'ed\'ed\'fb\'e5 \'e7\'e0 \'ef\'f0\'e5\'e4\'fb\'e4\'f3\'f9\'e8\'e9 \'ec\'e5\'f1\'ff\'f6, \'ed\'e0\'f7\'e8\'ed\'e0\'ff \'f1 \'e4\'e0\'f2\'fb \'ef\'f0\'e5\'e4\'e</w:t>
      </w:r>
      <w:r w:rsidRPr="00651F56">
        <w:rPr>
          <w:rFonts w:ascii="Courier New" w:hAnsi="Courier New" w:cs="Courier New"/>
        </w:rPr>
        <w:t>e\'f1\'f2\'e0\'e2\'eb\'e5\'ed\'e8\'ff \'ef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2\'ee\'e3\'ee \'ca\'f0\'e5\'e4\'e8\'f2\'e0 \'e2 \'f0\'e0\'ec\'ea\'e0\'f5 \'ca\'f0\'e5\'e4\'e8\'f2\'ed\'ee\'e9 \'eb\'e8\'ed\'e8\'e8, \'e0 \'f2\'e0\'ea\'e6\'e5 \'e2 \'e4\'e0\'f2\'f3 \'ee\'ea\'ee\'ed\'f7\</w:t>
      </w:r>
      <w:r w:rsidRPr="00651F56">
        <w:rPr>
          <w:rFonts w:ascii="Courier New" w:hAnsi="Courier New" w:cs="Courier New"/>
        </w:rPr>
        <w:t>'e0\'f2\'e5\'eb\'fc\'ed\'ee\'e3\'ee \'ef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3\'e0\'f8\'e5\'ed\'e8\'ff \'ca\'f0\'e5\'e4\'e8\'f2\'ed\'ee\'e9 \'eb\'e8\'ed\'e8\'e8.   }{\rtlch\fcs1 \af0\afs22 \ltrch\fcs0 \f0\fs22\insrsid7828448\charrsid782844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1\'f3\'ec\'ec\'fb \'ef\'f0\'e8\'f</w:t>
      </w:r>
      <w:r w:rsidRPr="00651F56">
        <w:rPr>
          <w:rFonts w:ascii="Courier New" w:hAnsi="Courier New" w:cs="Courier New"/>
        </w:rPr>
        <w:t>7\'e8\'f2\'e0\'fe\'f9\'e8\'f5\'f1\'ff \'ea \'ef\'ee\'e3\'e0\'f8\'e5\'ed\'e8\'fe \'c7\'e0\'e5\'ec\'f9\'e8\'ea\'ee\'ec \'ef\'f0\'ee\'f6\'e5\'ed\'f2\'ee\'e2 \'ef\'ee \'d1\'ee\'e3\'eb\'e0\'f8\'e5\'ed\'e8\'fe \'e8\'f1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1\'eb\'ff\'fe\'f2\'f1\'ff \'ef\</w:t>
      </w:r>
      <w:r w:rsidRPr="00651F56">
        <w:rPr>
          <w:rFonts w:ascii="Courier New" w:hAnsi="Courier New" w:cs="Courier New"/>
        </w:rPr>
        <w:t>'ee \'f4\'ee\'f0\'ec\'f3\'eb\'e5 \'ef\'f0\'ee\'f1\'f2\'fb\'f5 \'ef\'f0\'ee\'f6\'e5\'ed\'f2\'ee\'e2 \'ed\'e5\'ef\'f0\'e5\'f0\'fb\'e2\'ed\'ee \'ed\'e0\'f0\'e0\'f1\'f2\'e0\'fe\'f9\'e8\'ec \'e8\'f2\'ee\'e3\'ee\'ec 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f4\'e0\'ea\'f2\'e8\'f7\'e5\'f1\'e</w:t>
      </w:r>
      <w:r w:rsidRPr="00651F56">
        <w:rPr>
          <w:rFonts w:ascii="Courier New" w:hAnsi="Courier New" w:cs="Courier New"/>
        </w:rPr>
        <w:t>a\'ee\'e5 \'ea\'ee\'eb\'e8\'f7\'e5\'f1\'f2\'e2\'ee \'e4\'ed\'e5\'e9 \'ef\'ee\'eb\'fc\'e7\'ee\'e2\'e0\'ed\'e8\'ff \'ca\'f0\'e5\'e4\'e8\'f2\'ee\'ec, \'ef\'f0\'e8 \'fd\'f2\'ee\'ec \'e3\'ee\'e4 \'ef\'f0\'e8\'ed\'e8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5\'f2\'f1\'ff \'f0\'e0\'e2\'ed\'f</w:t>
      </w:r>
      <w:r w:rsidRPr="00651F56">
        <w:rPr>
          <w:rFonts w:ascii="Courier New" w:hAnsi="Courier New" w:cs="Courier New"/>
        </w:rPr>
        <w:t>b\'ec 365 \'e8\'eb\'e8 366 \'e4\'ed\'ff\'ec \'e2 \'f1\'ee\'ee\'f2\'e2\'e5\'f2\'f1\'f2\'e2\'e8\'e8 \'f1 \'e4\'e5\'e9\'f1\'f2\'e2\'e8\'f2\'e5\'eb\'fc\'ed\'fb\'ec \'f7\'e8\'f1\'eb\'ee\'ec \'ea\'e0\'eb\'e5\'ed\'e4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d\'fb\'f5 \'e4\'ed\'e5\'e9 \'e2 \'</w:t>
      </w:r>
      <w:r w:rsidRPr="00651F56">
        <w:rPr>
          <w:rFonts w:ascii="Courier New" w:hAnsi="Courier New" w:cs="Courier New"/>
        </w:rPr>
        <w:t>e3\'ee\'e4\'f3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}{\rtlch\fcs1 \ab\af0\afs22 \ltrch\fcs0 \b\f0\fs22\insrsid7828448\charrsid7828448 \'ca\'f0\'e5\'e4\'e8\'f2\'ee\'f0 \'e2\'ef\'f0\'e0\'e2\'e5 \'e2 \'ee\'e4\'ed\'ee\'f1\'f2\'ee\'f0\'ee\'ed\'ed\'e5\'ec \'ef\'ee\'f0\'ff\'e4\'ea\'e5 \'f3\</w:t>
      </w:r>
      <w:r w:rsidRPr="00651F56">
        <w:rPr>
          <w:rFonts w:ascii="Courier New" w:hAnsi="Courier New" w:cs="Courier New"/>
        </w:rPr>
        <w:t>'e2\'e5\'eb\'e8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2\'fc \'f0\'e0\'e7\'ec\'e5\'f0 \'ef\'f0\'ee\'f6\'e5\'ed\'f2\'ed\'ee\'e9 \'f1\'f2\'e0\'e2\'ea\'e8 \'ef\'ee \'ca\'f0\'e5\'e4\'e8\'f2\'f3 \'e7\'e0 \'ef\'ee\'e4\'e4\'e5\'f0\'e6\'e0\'ed\'e8\'e5 \'ea\'f0\'e5\'e4\'e8\'f2\'ee\'e2\'fb\'f</w:t>
      </w:r>
      <w:r w:rsidRPr="00651F56">
        <w:rPr>
          <w:rFonts w:ascii="Courier New" w:hAnsi="Courier New" w:cs="Courier New"/>
        </w:rPr>
        <w:t>5/\'e4\'e5\'e1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e\'e2\'fb\'f5 \'ee\'e1\'ee\'f0\'ee\'f2\'ee\'e2 \'ec\'e5\'ed\'e5\'e5 \'f3\'f1\'f2\'e0\'ed\'ee\'e2\'eb\'e5\'ed\'ed\'ee\'e3\'ee \'f0\'e0\'e7\'ec\'e5\'f0\'e0: \'ed\'e0 }{\rtlch\fcs1 \ab\af0\afs22 \ltrch\fcs0 \f0\fs22\insrsid7828448\c</w:t>
      </w:r>
      <w:r w:rsidRPr="00651F56">
        <w:rPr>
          <w:rFonts w:ascii="Courier New" w:hAnsi="Courier New" w:cs="Courier New"/>
        </w:rPr>
        <w:t xml:space="preserve">harrsid7828448 1 %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\'e4\'ee\'e2\'fb\'f5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tx252\tqc\tx4677\tqr\tx9355\wrapdefault\aspalpha\aspnum\faauto\adjustright\rin0\lin0\itap0\pararsid7828448 \rtlch\fcs1 \af0\afs20\alang1025 \ltrch\fcs0 \fs2</w:t>
      </w:r>
      <w:r w:rsidRPr="00651F56">
        <w:rPr>
          <w:rFonts w:ascii="Courier New" w:hAnsi="Courier New" w:cs="Courier New"/>
        </w:rPr>
        <w:t>0\lang1049\langfe1049\cgrid\langn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s22\lang1049\langfe1033\dbch\af39\langfenp1033\insrsid7828448\charrsid7828448 \loch\af0\dbch\af39\hich\f0 \'c2\loch\f0 \hich\f0  \'f1\'eb\'f3\'f7\'e0\'e5\loch\f0 \h</w:t>
      </w:r>
      <w:r w:rsidRPr="00651F56">
        <w:rPr>
          <w:rFonts w:ascii="Courier New" w:hAnsi="Courier New" w:cs="Courier New"/>
        </w:rPr>
        <w:t>ich\f0  \'e2\'ee\'e7\'ed\'e8\'ea\'ed\'ee\'e2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f\loch\f0 \hich\f0  \'ee\'f1\'ed\'ee\'e2\'e0\'ed\'e8\'ff\loch\f0 \hich\f0  \'e4\loch\af0\dbch\af39\hich\f0 \'eb\'ff\loch\f0 \hich\f0  \'ef\'f0\'e8\'ec\'e5\'ed\'e5\'ed\'e8\'ff\loch\f0 \hich\f0  \'</w:t>
      </w:r>
      <w:r w:rsidRPr="00651F56">
        <w:rPr>
          <w:rFonts w:ascii="Courier New" w:hAnsi="Courier New" w:cs="Courier New"/>
        </w:rPr>
        <w:t>ed\'e0\'e4\'e1\'e0\'e2\'ea\'e8\loch\f0 \hich\f0 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d\'ee\'e2\'f0\'e5\'ec\'e5\'ed\'ed\'ee\loch\f0 \hich\f0  \'e7\'e0\loch\f0 \hich\f0  \'ed\'e5\'e2\'fb\'ef\'ee\'eb\'ed\'e5\'ed\'e8\'e5\loch\f0 \hich\f0  \'ea\'f0\'e5\'e4\'e8\'f2\'ee\'e2\'fb\'f5\loc</w:t>
      </w:r>
      <w:r w:rsidRPr="00651F56">
        <w:rPr>
          <w:rFonts w:ascii="Courier New" w:hAnsi="Courier New" w:cs="Courier New"/>
        </w:rPr>
        <w:t>h\f0 \hich\f0  \'ee\'e1\'ee\'f0\'ee\'f2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8\loch\f0 \hich\f0  \'e4\'e5\'e1\'e5\'f2\'ee\'e2\'fb\'f5\loch\f0 \hich\f0  \'ee\'e1\'ee\'f0\'ee\'f2\'ee\'e2\loch\f0 \hich\f0 , \'ed\'e0\'e4\'e1\'e0\'e2\'ea\'e0\loch\f0 \hich\f0  \'ec\'e</w:t>
      </w:r>
      <w:r w:rsidRPr="00651F56">
        <w:rPr>
          <w:rFonts w:ascii="Courier New" w:hAnsi="Courier New" w:cs="Courier New"/>
        </w:rPr>
        <w:t>e\'e6\'e5\'f2\loch\f0 \hich\f0  \'e1\'fb\'f2\'f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f\'f0\'e8\'ec\'e5\'ed\'e5\'ed\'e0\loch\f0 \hich\f0  \'f2\'ee\'eb\'fc\'ea\'ee\loch\f0 \hich\f0  \'ef\'ee\loch\f0 \hich\f0  \'ee\'e4\'ed\'ee\'ec\'f3\loch\f0 \hich\f0  \'e8\'e7\loch\f0 \h</w:t>
      </w:r>
      <w:r w:rsidRPr="00651F56">
        <w:rPr>
          <w:rFonts w:ascii="Courier New" w:hAnsi="Courier New" w:cs="Courier New"/>
        </w:rPr>
        <w:t>ich\f0  \'ee\'f1\'ed\'ee\'e2\'e0\'ed\'e8\'e9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\pard \ltrpar\qj \li0\ri0\nowidctlpar\tqc\tx4677\tqr\tx9355\wrapdefault\aspalpha\aspnum\faauto\adjustright\rin0\lin0\itap0\pararsid7828448 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lang1049\langfe103</w:t>
      </w:r>
      <w:r w:rsidRPr="00651F56">
        <w:rPr>
          <w:rFonts w:ascii="Courier New" w:hAnsi="Courier New" w:cs="Courier New"/>
        </w:rPr>
        <w:t>3\dbch\af39\langfenp1033\insrsid7828448\charrsid7828448 \loch\af0\dbch\af39\hich\f0 \'cf\'f0\'e8\loch\f0 \hich\f0  \'e8\'e7\'ec\'e5\'ed\'e5\'ed\'e8\'e8\loch\f0 \hich\f0  \'c1\'e0\'ed\'ea\'ee\'ec\loch\f0 \hich\f0  \'f0\'e0\'e7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0\'e0\loch\f0 \hic</w:t>
      </w:r>
      <w:r w:rsidRPr="00651F56">
        <w:rPr>
          <w:rFonts w:ascii="Courier New" w:hAnsi="Courier New" w:cs="Courier New"/>
        </w:rPr>
        <w:t>h\f0  \'ef\'f0\'ee\'f6\'e5\'ed\'f2\'ed\'ee\'e9\loch\f0 \hich\f0  \'f1\'f2\'e0\'e2\'ea\'e8\loch\f0 \hich\f0  \'e2\loch\f0 \hich\f0  \'ee\'e4\'ed\'ee\'f1\'f2\'ee\'f0\'ee\'ed\'ed\'e5\'ec\loch\f0 \hich\f0  \'ef\'ee\'f0\'ff\'e4\'ea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, \'c1</w:t>
      </w:r>
      <w:r w:rsidRPr="00651F56">
        <w:rPr>
          <w:rFonts w:ascii="Courier New" w:hAnsi="Courier New" w:cs="Courier New"/>
        </w:rPr>
        <w:t xml:space="preserve">\'e0\'ed\'ea\loch\f0 \hich\f0  \'ed\'e0\'ef\'f0\'e0\'e2\'eb\'ff\'e5\'f2\loch\f0 \hich\f0  \'c7\'e0\'e5\'ec\'f9\'e8\'ea\'f3\loch\f0 \hich\f0  \'ef\'e8\'f1\loch\af0\dbch\af39\hich\f0 \'fc\'ec\'e5\'ed\'ed\'ee\'e5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'e2\'e5\'e4\'ee\'ec\'</w:t>
      </w:r>
      <w:r w:rsidRPr="00651F56">
        <w:rPr>
          <w:rFonts w:ascii="Courier New" w:hAnsi="Courier New" w:cs="Courier New"/>
        </w:rPr>
        <w:t>eb\'e5\'ed\'e8\'e5\loch\f0 \hich\f0  \'e2\loch\f0 \hich\f0  \'ef\'f0\'ee\'e8\'e7\'e2\'ee\'eb\'fc\'ed\'ee\'e9\loch\f0 \hich\f0  \'f4\'ee\'f0\'ec\'e5\loch\f0 \hich\f0  \'ee\'e1\loch\f0 \hich\f0  \'e8\'e7\'ec\'e5\'ed\'e5\'ed\'e8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f\'</w:t>
      </w:r>
      <w:r w:rsidRPr="00651F56">
        <w:rPr>
          <w:rFonts w:ascii="Courier New" w:hAnsi="Courier New" w:cs="Courier New"/>
        </w:rPr>
        <w:t>f0\'ee\'f6\'e5\'ed\'f2\'ed\'ee\'e9\loch\f0 \hich\f0  \'f1\'f2\'e0\'e2\'ea\'e8\loch\f0 \hich\f0  \'f1\loch\f0 \hich\f0  \'ed\'e0\'f0\'ee\'f7\'ed\'fb\'ec\loch\f0 \hich\f0  \'e8\'eb\'e8\loch\f0 \hich\f0  \'e7\'e0\'ea\'e0\'e7\'ed\'f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loch\f0 \hich\f0  \'</w:t>
      </w:r>
      <w:r w:rsidRPr="00651F56">
        <w:rPr>
          <w:rFonts w:ascii="Courier New" w:hAnsi="Courier New" w:cs="Courier New"/>
        </w:rPr>
        <w:t xml:space="preserve">ef\'ee\'f7\'f2\'ee\'e2\'fb\'ec\loch\f0 \hich\f0  \'ee\'f2\'ef\'f0\'e0\'e2\'eb\'e5\'ed\'e8\'e5\'ec\loch\f0 \hich\f0  \'f1\loch\f0 \hich\f0  \'ee\'ef\'e8\'f1\'fc\'fe\loch\f0 \hich\f0  \'e2\'eb\'ee\'e6\'e5\'ed\'e8\'ff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8\loch\f0 \hich\f0</w:t>
      </w:r>
      <w:r w:rsidRPr="00651F56">
        <w:rPr>
          <w:rFonts w:ascii="Courier New" w:hAnsi="Courier New" w:cs="Courier New"/>
        </w:rPr>
        <w:t xml:space="preserve">  \'f3\'e2\'e5\'e4\'ee\'ec\'eb\'e5\'ed\'e8\'e5\'ec\loch\f0 \hich\f0  \'ee\loch\f0 \hich\f0  \'e2\'f0\'f3\'f7\'e5\'ed\'e8\'e8\loch\f0 \hich\f0 . \'d3\'e2\'e5\'e4\'ee\'ec\'eb\'e5\'ed\'e8\'e5\loch\f0 \hich\f0  \'f1\'f7\'e8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5\'f2\'f1\'ff\loch\f0 \h</w:t>
      </w:r>
      <w:r w:rsidRPr="00651F56">
        <w:rPr>
          <w:rFonts w:ascii="Courier New" w:hAnsi="Courier New" w:cs="Courier New"/>
        </w:rPr>
        <w:t>ich\f0  \'ed\'e0\'ef\'f0\'e0\'e2\'eb\'e5\'ed\'ed\'fb\'ec\loch\f0 \hich\f0  \'e2\loch\f0 \hich\f0  \'ec\'ee\'ec\'e5\'ed\'f2\loch\f0 \hich\f0  \'e2\'f0\'f3\'f7\'e5\'ed\'e8\'ff\loch\f0 \hich\f0  \'c7\'e0\'e5\'ec\'f9\'e8\'ea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, \'e5\'f1\'</w:t>
      </w:r>
      <w:r w:rsidRPr="00651F56">
        <w:rPr>
          <w:rFonts w:ascii="Courier New" w:hAnsi="Courier New" w:cs="Courier New"/>
        </w:rPr>
        <w:t>eb\'e8\loch\f0 \hich\f0  \'ee\'ed\'ee\loch\f0 \hich\f0  \'ed\'e0\'ef\'f0\'e0\'e2\'eb\'e5\'ed\'ee\loch\f0 \hich\f0  \'f1\loch\f0 \hich\f0  \'ed\'e0\'f0\'ee\'f7\'ed\'fb\loch\af0\dbch\af39\hich\f0 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af0\dbch\af39\loch\f0 \hich\f0 , \'e8\'eb\'e8\loch</w:t>
      </w:r>
      <w:r w:rsidRPr="00651F56">
        <w:rPr>
          <w:rFonts w:ascii="Courier New" w:hAnsi="Courier New" w:cs="Courier New"/>
        </w:rPr>
        <w:t>\f0 \hich\f0  \'e2\loch\f0 \hich\f0  \'ec\'ee\'ec\'e5\'ed\'f2\loch\f0 \hich\f0  \'f1\'e4\'e0\'f7\'e8\loch\f0 \hich\f0  \'e5\'e3\'ee\loch\f0 \hich\f0  \'e2\loch\f0 \hich\f0  \'ee\'f0\'e3\'e0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7\'e0\'f6\'e8\'fe\loch\f0 \hich\f0  \'f1\'e2\'ff\'e7\'</w:t>
      </w:r>
      <w:r w:rsidRPr="00651F56">
        <w:rPr>
          <w:rFonts w:ascii="Courier New" w:hAnsi="Courier New" w:cs="Courier New"/>
        </w:rPr>
        <w:t xml:space="preserve">e8\loch\f0 \hich\f0 , \'e5\'f1\'eb\'e8\loch\f0 \hich\f0  \'ee\'ed\'ee\loch\f0 \hich\f0  \'ed\'e0\'ef\'f0\'e0\'e2\'eb\'e5\'ed\'ee\loch\f0 \hich\f0  \'c7\'e0\'e5\'ec\'f9\'e8\'ea\'f3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7\'e0\'ea\'e0\'e7\'ed\'fb\'ec\loch\f0 \hich\f0  \'ef\</w:t>
      </w:r>
      <w:r w:rsidRPr="00651F56">
        <w:rPr>
          <w:rFonts w:ascii="Courier New" w:hAnsi="Courier New" w:cs="Courier New"/>
        </w:rPr>
        <w:t>'ee\'f7\'f2\'ee\'e2\'fb\'ec\loch\f0 \hich\f0  \'ee\'f2\'ef\'f0\'e0\'e2\'eb\'e5\'ed\'e8\'e5\'ec\loch\f0 \hich\f0  \'f1\loch\f0 \hich\f0  \'ee\'ef\'e8\'f1\'fc\'fe\loch\f0 \hich\f0  \'e2\'eb\'ee\'e6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8\'ff\loch\f0 \hich\f0  \'e8\loch\f0 \hich\f0  \</w:t>
      </w:r>
      <w:r w:rsidRPr="00651F56">
        <w:rPr>
          <w:rFonts w:ascii="Courier New" w:hAnsi="Courier New" w:cs="Courier New"/>
        </w:rPr>
        <w:t>'f3\'e2\'e5\'e4\'ee\'ec\'eb\'e5\'ed\'e8\'e5\'ec\loch\f0 \hich\f0  \'ee\loch\f0 \hich\f0  \'e2\'f0\'f3\'f7\'e5\'ed\'e8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hich\af0\dbch\af39\loch\f0    \loch\af0\dbch\af39\hich\f0 \'c8\'e7\'ec\'e5\'ed\'e5\'ed\'ed\'e0\'ff\loch\f0 \hich\f0  \'ef\'f0\</w:t>
      </w:r>
      <w:r w:rsidRPr="00651F56">
        <w:rPr>
          <w:rFonts w:ascii="Courier New" w:hAnsi="Courier New" w:cs="Courier New"/>
        </w:rPr>
        <w:t>'ee\'f6\'e5\'ed\'f2\'ed\'e0\'ff\loch\f0 \hich\f0  \'f1\'f2\'e0\'e2\'ea\'e0\loch\f0 \hich\f0  \'ed\'e0\'f7\'e8\'ed\'e0\'e5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4\'e5\'e9\'f1\'f2\'e2\'ee\'e2\'e0\'f2\'fc\loch\f0 \hich\f0  \'f1\loch\f0 \hich\f0  1-\'e3\'ee\loch\f0 \hich</w:t>
      </w:r>
      <w:r w:rsidRPr="00651F56">
        <w:rPr>
          <w:rFonts w:ascii="Courier New" w:hAnsi="Courier New" w:cs="Courier New"/>
        </w:rPr>
        <w:t>\f0  \'f7\'e8\'f1\'eb\'e0\loch\f0 \hich\f0  \'ec\'e5\'f1\'ff\'f6\'e0\loch\f0 \hich\f0  \'f1\'eb\'e5\'e4\'f3\'fe\'f9\'e5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loch\f0 \hich\f0  \'e7\'e0\loch\f0 \hich\f0  \'ec\'e5\'f1\'ff\'f6\'e5\'ec\loch\f0 \hich\f0  \'e2\loch\f0 \hich\f0  \'ea\'ee\'f</w:t>
      </w:r>
      <w:r w:rsidRPr="00651F56">
        <w:rPr>
          <w:rFonts w:ascii="Courier New" w:hAnsi="Courier New" w:cs="Courier New"/>
        </w:rPr>
        <w:t>2\'ee\'f0\'ee\'ec\hich\af0\dbch\af39\loch\f0 \hich\f0  \'c7\'e0\'e5\'ec\'f9\'e8\'ea\'f3\loch\f0 \hich\f0  \'e1\'fb\'eb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d\'e0\'ef\'f0\'e0\'e2\'eb\'e5\'ed\'ee\loch\f0 \hich\f0  \'ef\'e8\'f1\'fc\'ec\'e5\'ed\'ed\'ee\'e5\loch\f0 \hich</w:t>
      </w:r>
      <w:r w:rsidRPr="00651F56">
        <w:rPr>
          <w:rFonts w:ascii="Courier New" w:hAnsi="Courier New" w:cs="Courier New"/>
        </w:rPr>
        <w:t>\f0  \'f3\'e2\'e5\'e4\'ee\'ec\'eb\'e5\'ed\'e8\'e5\loch\f0 \hich\f0  \'ee\'e1\loch\f0 \hich\f0  \'e8\'e7\'ec\'e5\'ed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8\loch\f0 \hich\f0  \'ef\'f0\'ee\'f6\'e5\'ed\'f2\'ed\'ee\'e9\loch\f0 \hich\f0  \'f1\'f2\'e0\'e2\'ea\'e8\loch\f0 \hich\f0  \'</w:t>
      </w:r>
      <w:r w:rsidRPr="00651F56">
        <w:rPr>
          <w:rFonts w:ascii="Courier New" w:hAnsi="Courier New" w:cs="Courier New"/>
        </w:rPr>
        <w:t>ef\'ee\loch\f0 \hich\f0  \'ef\'ee\'f1\'eb\'e5\'e4\'ed\'e5\'e5\loch\f0 \hich\f0  \'f7\'e8\'f1\'eb\'ee\loch\f0 \hich\f0  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1\'ff\'f6\'e0\loch\f0 \hich\f0 , \'e2\loch\f0 \hich\f0  \'ea\'ee\'f2\'ee\'f0\'ee\'ec\loch\f0 \hich\f0  \'e2\'fb\'ef\'ee\'eb\</w:t>
      </w:r>
      <w:r w:rsidRPr="00651F56">
        <w:rPr>
          <w:rFonts w:ascii="Courier New" w:hAnsi="Courier New" w:cs="Courier New"/>
        </w:rPr>
        <w:t>'ed\'e5\'ed\'ee\loch\f0 \hich\f0  \'f3\'f1\'eb\'ee\'e2\'e8\'e5\loch\f0 \hich\f0  \'ee\loch\f0 \hich\f0  \'ed\'e5\'ee\'e1\'f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4\'e8\'ec\'ee\'ec\loch\f0 \hich\f0  \'f0\'e0\'e7\'ec\'e5\'f0\'e5\loch\f0 \hich\f0  \'ee\'e1\'ee\'f0\'ee\'f2\'ee\'e2\loch\f0</w:t>
      </w:r>
      <w:r w:rsidRPr="00651F56">
        <w:rPr>
          <w:rFonts w:ascii="Courier New" w:hAnsi="Courier New" w:cs="Courier New"/>
        </w:rPr>
        <w:t xml:space="preserve"> \hich\f0 , \'ed\'e0\'f0\'f3\'f8\'e5\'ed\'e8\'e5\loch\f0 \hich\f0  \'ea\'ee\'f2\'ee\'f0\'ee\'e3\'ee\loch\f0 \hich\f0  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2\'e8\'eb\'ee\'f1\'fc\loch\f0 \hich\f0  \'ee\'f1\'ed\'ee\'e2\'e0\'ed\'e8\'e5\'ec\loch\f0 \hich\f0  \'e4\'eb\'ff\loch\f0 \hich\f0 </w:t>
      </w:r>
      <w:r w:rsidRPr="00651F56">
        <w:rPr>
          <w:rFonts w:ascii="Courier New" w:hAnsi="Courier New" w:cs="Courier New"/>
        </w:rPr>
        <w:t xml:space="preserve"> \'e8\'e7\'ec\'e5\'ed\'e5\'ed\'e8\'ff\loch\f0 \hich\f0  \'ef\'f0\'ee\'f6\'e5\'ed\'f2\'ed\'ee\'e9\loch\f0 \hich\f0  \'f1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2\'ea\'e8\loch\f0 \hich\f0  (\'e2\'ea\'eb\'fe\'f7\'e8\'f2\'e5\'eb\'fc\'ed\'ee\loch\f0 ).}{\rtlch\fcs1 \af0\afs22 \ltrch\fcs0</w:t>
      </w:r>
      <w:r w:rsidRPr="00651F56">
        <w:rPr>
          <w:rFonts w:ascii="Courier New" w:hAnsi="Courier New" w:cs="Courier New"/>
        </w:rPr>
        <w:t xml:space="preserve"> \i\fs22\lang1049\langfe1033\dbch\af39\langfenp1033\insrsid7828448\charrsid782844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7828448 {\rtlch\fcs1 \ab\af0\afs22 \ltrch\fcs0 \b\fs22\ins</w:t>
      </w:r>
      <w:r w:rsidRPr="00651F56">
        <w:rPr>
          <w:rFonts w:ascii="Courier New" w:hAnsi="Courier New" w:cs="Courier New"/>
        </w:rPr>
        <w:t>rsid7828448\charrsid7828448 \'ca\'ee\'ec\'e8\'f1\'f1\'e8\'e8/ \'e2\'ee\'e7\'ed\'e0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0\'e6\'e4\'e5\'ed\'e8\'ff/\'f8\'f2\'f0\'e0\'f4\'fb (\'ed\'e5\'f3\'f1\'f2\'ee\'e9\'ea\'e8)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6\ql \li0\ri0\widctlpar\wrapdefault\aspal</w:t>
      </w:r>
      <w:r w:rsidRPr="00651F56">
        <w:rPr>
          <w:rFonts w:ascii="Courier New" w:hAnsi="Courier New" w:cs="Courier New"/>
        </w:rPr>
        <w:t xml:space="preserve">pha\aspnum\faauto\adjustright\rin0\lin0\itap0\pararsid7828448 \rtlch\fcs1 \af0\afs20\alang1025 \ltrch\fcs0 \fs20\lang1049\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7828448\charrsid7828448 \'c7\'e0 \'ee</w:t>
      </w:r>
      <w:r w:rsidRPr="00651F56">
        <w:rPr>
          <w:rFonts w:ascii="Courier New" w:hAnsi="Courier New" w:cs="Courier New"/>
        </w:rPr>
        <w:t xml:space="preserve">\'e1\'ff\'e7\'e0\'f2\'e5\'eb\'fc\'f1\'f2\'e2\'ee:}{\rtlch\fcs1 \ab\af0\afs22 \ltrch\fcs0 \fs22\insrsid7828448\charrsid7828448  0,20% \'e3\'ee\'e4\'ee\'e2\'fb\'f5, \'f3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7828448\charrsid7828448 \'ef\'eb\'e0\</w:t>
      </w:r>
      <w:r w:rsidRPr="00651F56">
        <w:rPr>
          <w:rFonts w:ascii="Courier New" w:hAnsi="Courier New" w:cs="Courier New"/>
        </w:rPr>
        <w:t>'f7\'e8\'e2\'e0\'e5\'f2\'f1\'ff \'e2 \'e4\'e0\'f2\'fb, \'f3\'f1\'f2\'e0\'ed\'ee\'e2\'eb\'e5\'ed\'ed\'fb\'e5 \'e4\'eb\'ff \'f3\'ef\'eb\'e0\'f2\'fb \'ef\'f0\'ee\'f6\'e5\'ed\'f2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33\qj \li0\ri0\widctlpar\wrapdefault\noov</w:t>
      </w:r>
      <w:r w:rsidRPr="00651F56">
        <w:rPr>
          <w:rFonts w:ascii="Courier New" w:hAnsi="Courier New" w:cs="Courier New"/>
        </w:rPr>
        <w:t xml:space="preserve">erflow\faroman\rin0\lin0\itap0\pararsid7828448\contextualspace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7828448\charrsid7828448 \'cf\'ee\'f1\'eb\</w:t>
      </w:r>
      <w:r w:rsidRPr="00651F56">
        <w:rPr>
          <w:rFonts w:ascii="Courier New" w:hAnsi="Courier New" w:cs="Courier New"/>
        </w:rPr>
        <w:t>'e5\'e4\'ed\'e8\'e9 \'ef\'eb\'e0\'f2\'e5\'e6 \'f3\'ef\'eb\'e0\'f7\'e8\'e2\'e0\'e5\'f2\'f1\'ff \'e2 \'e4\'e0\'f2\'f3 \'ee\'ea\'ee\'ed\'f7\'e0\'ed\'e8\'ff \'ee\'e1\'f9\'e5\'e3\'ee \'f1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a\'e0 \'ef\'f0\'e5\'e4\'ee\'f1\'f2\'e0\'e2\'eb\'e5\'ed\'e8\'f</w:t>
      </w:r>
      <w:r w:rsidRPr="00651F56">
        <w:rPr>
          <w:rFonts w:ascii="Courier New" w:hAnsi="Courier New" w:cs="Courier New"/>
        </w:rPr>
        <w:t xml:space="preserve">f \'ca\'f0\'e5\'e4\'e8\'f2\'ee\'e2}{\rtlch\fcs1 \ab\af0\afs22 \ltrch\fcs0 \fs22\insrsid7828448\charrsid7828448 .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b\fs22\insrsid7828448\charrsid782844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 \'e2\'fb\'e4\'e0\'f7\'f3 \'ea\'f0\'e5\'e4\'e8\'</w:t>
      </w:r>
      <w:r w:rsidRPr="00651F56">
        <w:rPr>
          <w:rFonts w:ascii="Courier New" w:hAnsi="Courier New" w:cs="Courier New"/>
        </w:rPr>
        <w:t>f2\'ed\'ee\'e9 \'eb\'e8\'ed\'e8\'e8: }{\rtlch\fcs1 \af0\afs22 \ltrch\fcs0 \fs22\insrsid7828448\charrsid7828448 30 000 \'f0\'f3\'e1. (\'e2\'e7\'e8\'ec\'e0\'e5\'f2\'f1\'ff \'e2 \'ee\'e1\'ff\'e7\'e0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5\'eb\'fc\'ed\'ee\'ec \'ef\'ee\'f0\'ff\'e4\'ea\'e5, </w:t>
      </w:r>
      <w:r w:rsidRPr="00651F56">
        <w:rPr>
          <w:rFonts w:ascii="Courier New" w:hAnsi="Courier New" w:cs="Courier New"/>
        </w:rPr>
        <w:t>\'e5\'f1\'eb\'e8 \'f4\'e8\'ed\'e0\'ed\'f1\'ee\'e2\'ee\'e5 \'f1\'ee\'f1\'f2\'ee\'ff\'ed\'e8\'e5 \'c7\'e0\'e5\'ec\'f9\'e8\'ea\'e0 \'ed\'e5 \'ec\'ee\'e6\'e5\'f2 \'e1\'fb\'f2\'fc \'ee\'f6\'e5\'ed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e \'ea\'e0\'ea \'ab\'f5\'ee\'f0\'ee\'f8\'e5\'e5\'bb </w:t>
      </w:r>
      <w:r w:rsidRPr="00651F56">
        <w:rPr>
          <w:rFonts w:ascii="Courier New" w:hAnsi="Courier New" w:cs="Courier New"/>
        </w:rPr>
        <w:t>\'e4\'eb\'ff \'f6\'e5\'eb\'e5\'e9 \'f4\'ee\'f0\'ec\'e8\'f0\'ee\'e2\'e0\'ed\'e8\'ff \'f0\'e5\'e7\'e5\'f0\'e2\'ee\'e2 \'ed\'e0 \'ec\'ee\'ec\'e5\'ed\'f2 \'e7\'e0\'ea\'eb\'fe\'f7\'e5\'ed\'e8\'ff \'f1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b\'ea\'e8). \'d3\'ef\'eb\'e0\'f7\'e8\'e2\'e0\'e5</w:t>
      </w:r>
      <w:r w:rsidRPr="00651F56">
        <w:rPr>
          <w:rFonts w:ascii="Courier New" w:hAnsi="Courier New" w:cs="Courier New"/>
        </w:rPr>
        <w:t>\'f2\'f1\'ff \'e4\'ee \'ef\'e5\'f0\'e2\'ee\'e3\'ee \'e8\'f1\'ef\'ee\'eb\'fc\'e7\'ee\'e2\'e0\'ed\'e8\'ff \'f1\'f0\'e5\'e4\'f1\'f2\'e2 \'ef\'ee \'ea\'f0\'e5\'e4\'e8\'f2\'ed\'ee\'e9 \'f1\'e4\'e5\'eb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.}{\rtlch\fcs1 \ab\af0\afs22 \ltrch\fcs0 \b\fs22\in</w:t>
      </w:r>
      <w:r w:rsidRPr="00651F56">
        <w:rPr>
          <w:rFonts w:ascii="Courier New" w:hAnsi="Courier New" w:cs="Courier New"/>
        </w:rPr>
        <w:t xml:space="preserve">srsid7828448\charrsid782844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30\qj \li0\ri0\widctlpar\wrapdefault\aspalpha\aspnum\faauto\adjustright\rin0\lin0\itap0\pararsid7828448 \rtlch\fcs1 \af0\afs20\alang1025 \ltrch\fcs0 \fs22\lang1049\langfe1049\cgrid\langnp1049\langfe</w:t>
      </w:r>
      <w:r w:rsidRPr="00651F56">
        <w:rPr>
          <w:rFonts w:ascii="Courier New" w:hAnsi="Courier New" w:cs="Courier New"/>
        </w:rPr>
        <w:t xml:space="preserve">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insrsid7828448\charrsid7828448 \'d8\'f2\'f0\'e0\'f4 \'e2 \'f0\'e0\'e7\'ec\'e5\'f0\'e5\~ 0.01% \'ee\'f2 \'f1\'f3\'ec\'ec\'fb \'ee\'f1\'f2\'e0\'f2\'ea\'e0 \'ee\'f1\'ed\'ee\'e2\'ed\'ee\'e3\'ee \'e4\'ee\'eb\'e</w:t>
      </w:r>
      <w:r w:rsidRPr="00651F56">
        <w:rPr>
          <w:rFonts w:ascii="Courier New" w:hAnsi="Courier New" w:cs="Courier New"/>
        </w:rPr>
        <w:t>3\'e0 \'ef\'ee \'ea\'f0\'e5\'e4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d\'ee\'ec\'f3 \'f1\'ee\'e3\'eb\'e0\'f8\'e5\'ed\'e8\'fe, \'f1\'eb\'ee\'e6\'e8\'e2\'f8\'e5\'e3\'ee\'f1\'ff \'ed\'e0 \'ec\'ee\'ec\'e5\'ed\'f2 \'e2\'fb\'ff\'e2\'eb\'e5\'ed\'e8\'ff \'ed\'e0\'f0\'f3\'f8\'e5\'ed\'e8\'ff</w:t>
      </w:r>
      <w:r w:rsidRPr="00651F56">
        <w:rPr>
          <w:rFonts w:ascii="Courier New" w:hAnsi="Courier New" w:cs="Courier New"/>
        </w:rPr>
        <w:t>, \'e2 \'f1\'eb\'f3\'f7\'e0\'e5 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5\'e8\'f1\'ef\'ee\'eb\'ed\'e5\'ed\'e8\'ff\\\'ed\'e5\'ed\'e0\'e4\'eb\'e5\'e6\'e0\'f9\'e5\'e3\'ee \'e8\'f1\'ef\'ee\'eb\'ed\'e5\'ed\'e8\'ff \'e7\'e0\'e5\'ec\'f9\'e8\'ea\'ee\'ec \'f4\'e8\'ed\'e0\'ed\'f1\'ee\'e2\'fb\'f5 </w:t>
      </w:r>
      <w:r w:rsidRPr="00651F56">
        <w:rPr>
          <w:rFonts w:ascii="Courier New" w:hAnsi="Courier New" w:cs="Courier New"/>
        </w:rPr>
        <w:t xml:space="preserve">\'ea\'ee\'e2\'e5\'ed\'e0\'ed\'f2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nowidctlpar\wrapdefault\aspalpha\aspnum\faauto\adjustright\rin0\lin0\itap0\pararsid7828448 \rtlch\fcs1 \af0\afs20\alang1025 \ltrch\fcs0 \fs20\lang1049\langfe1049\cgrid\langnp1049\l</w:t>
      </w:r>
      <w:r w:rsidRPr="00651F56">
        <w:rPr>
          <w:rFonts w:ascii="Courier New" w:hAnsi="Courier New" w:cs="Courier New"/>
        </w:rPr>
        <w:t xml:space="preserve">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7828448\charrsid7828448 \'cd\'e5\'f3\'f1\'f2\'ee\'e9\'ea\'e0}{\rtlch\fcs1 \af0\afs22 \ltrch\fcs0 \fs22\insrsid7828448\charrsid7828448  \'e2 \'f0\'e0\'e7\'ec\'e5\'f0\'e5 1/365 \'ec\'e0\'ea\'f1</w:t>
      </w:r>
      <w:r w:rsidRPr="00651F56">
        <w:rPr>
          <w:rFonts w:ascii="Courier New" w:hAnsi="Courier New" w:cs="Courier New"/>
        </w:rPr>
        <w:t>\'e8\'ec\'e0\'eb\'fc\'ed\'ee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e\'f6\'e5\'ed\'f2\'ed\'ee\'e9 \'f1\'f2\'e0\'e2\'ea\'e8 \'ee\'f2 \'f1\'f3\'ec\'ec\'fb \'ef\'f0\'ee\'f1\'f0\'ee\'f7\'e5\'ed\'ed\'ee\'e9 \'e7\'e0\'e4\'ee\'eb\'e6\'e5\'ed\'ed\'ee\'f1\'f2\'e8 \'ef\'ee \'ce\'f1\'ed\'</w:t>
      </w:r>
      <w:r w:rsidRPr="00651F56">
        <w:rPr>
          <w:rFonts w:ascii="Courier New" w:hAnsi="Courier New" w:cs="Courier New"/>
        </w:rPr>
        <w:t>ee\'e2\'ed\'ee\'ec\'f3 \'e4\'ee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f3 \'e7\'e0 \'ea\'e0\'e6\'e4\'fb\'e9 \'e4\'e5\'ed\'fc \'ef\'f0\'ee\'f1\'f0\'ee\'f7\'ea\'e8, \'ed\'e0\'f7\'e8\'f1\'eb\'ff\'e5\'ec\'e0\'ff \'e2 \'f1\'eb\'f3\'f7\'e0\'e5 \'e2\'ee\'e7\'ed\'e8\'ea\'ed\'ee\'e2\'e5\'ed\'</w:t>
      </w:r>
      <w:r w:rsidRPr="00651F56">
        <w:rPr>
          <w:rFonts w:ascii="Courier New" w:hAnsi="Courier New" w:cs="Courier New"/>
        </w:rPr>
        <w:t>e8\'ff \'ef\'f0\'ee\'f1\'f0\'ee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5\'ed\'ed\'ee\'e9 \'e7\'e0\'e4\'ee\'eb\'e6\'e5\'ed\'ed\'ee\'f1\'f2\'e8 \'ef\'ee \'ce\'f1\'ed\'ee\'e2\'ed\'ee\'ec\'f3 \'e4\'ee\'eb\'e3\'f3;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</w:t>
      </w:r>
      <w:r w:rsidRPr="00651F56">
        <w:rPr>
          <w:rFonts w:ascii="Courier New" w:hAnsi="Courier New" w:cs="Courier New"/>
        </w:rPr>
        <w:t xml:space="preserve">o\adjustright\rin0\lin0\itap0\pararsid7828448 {\rtlch\fcs1 \af0\afs22 \ltrch\fcs0 \b\fs22\insrsid7828448\charrsid7828448 \'cd\'e5\'f3\'f1\'f2\'ee\'e9\'ea\'e0 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7828448\charrsid7828448 \'e2 2/365 \'ec\'e0\'e</w:t>
      </w:r>
      <w:r w:rsidRPr="00651F56">
        <w:rPr>
          <w:rFonts w:ascii="Courier New" w:hAnsi="Courier New" w:cs="Courier New"/>
        </w:rPr>
        <w:t xml:space="preserve">a\'f1\'e8\'ec\'e0\'eb\'fc\'ed\'ee\'e9 \'ef\'f0\'ee\'f6\'e5\'ed\'f2\'ed\'ee\'e9 \'f1\'f2\'e0\'e2\'ea\'e8  \'ee\'f2 \'f1\'f3\'ec\'ec\'fb \'ef\'f0\'ee\'f1\'f0\'ee\'f7\'e5\'ed\'ed\'ee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7\'e0\'e4\'ee\'eb\'e6\'e5\'ed\'ed\'ee\'f1\'f2\'e8 \'ef\'ee \'ef\'f0</w:t>
      </w:r>
      <w:r w:rsidRPr="00651F56">
        <w:rPr>
          <w:rFonts w:ascii="Courier New" w:hAnsi="Courier New" w:cs="Courier New"/>
        </w:rPr>
        <w:t>\'ee\'f6\'e5\'ed\'f2\'e0\'ec/\'ea\'ee\'ec\'e8\'f1\'f1\'e8\'ff\'ec \'e7\'e0 \'ea\'e0\'e6\'e4\'fb\'e9 \'e4\'e5\'ed\'fc \'ef\'f0\'ee\'f1\'f0\'ee\'f7\'ea\'e8, \'ed\'e0\'f7\'e8\'f1\'eb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c\'e0\'ff \'e2 \'f1\'eb\'f3\'f7\'e0\'e5 \'e2\'ee\'e7\'ed\'e8\'ea</w:t>
      </w:r>
      <w:r w:rsidRPr="00651F56">
        <w:rPr>
          <w:rFonts w:ascii="Courier New" w:hAnsi="Courier New" w:cs="Courier New"/>
        </w:rPr>
        <w:t>\'ed\'ee\'e2\'e5\'ed\'e8\'ff \'ef\'f0\'ee\'f1\'f0\'ee\'f7\'e5\'ed\'ed\'ee\'e9 \'e7\'e0\'e4\'ee\'eb\'e6\'e5\'ed\'ed\'ee\'f1\'f2\'e8 \'ef\'ee \'ef\'f0\'ee\'f6\'e5\'ed\'f2\'e0\'ec/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c\'e8\'f1\'f1\'e8\'e8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f0\afs22 \ltrch\fcs0 </w:t>
      </w:r>
      <w:r w:rsidRPr="00651F56">
        <w:rPr>
          <w:rFonts w:ascii="Courier New" w:hAnsi="Courier New" w:cs="Courier New"/>
        </w:rPr>
        <w:t>\b\fs22\insrsid7828448\charrsid7828448 \'cd\'e5\'f3\'f1\'f2\'ee\'e9\'ea\'e0}{\rtlch\fcs1 \af0\afs22 \ltrch\fcs0 \fs22\insrsid7828448\charrsid7828448  \'e2 \'f0\'e0\'e7\'ec\'e5\'f0\'e5 1/365 \'ec\'e0\'ea\'f1\'e8\'ec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c\'ed\'ee\'e9 \'ef\'f0\'ee\'f</w:t>
      </w:r>
      <w:r w:rsidRPr="00651F56">
        <w:rPr>
          <w:rFonts w:ascii="Courier New" w:hAnsi="Courier New" w:cs="Courier New"/>
        </w:rPr>
        <w:t>6\'e5\'ed\'f2\'ed\'ee\'e9 \'f1\'f2\'e0\'e2\'ea\'e8 \'ee\'f2 \'f1\'f3\'ec\'ec\'fb \'ed\'e5\'e8\'f1\'ef\'ee\'eb\'ed\'e5\'ed\'ed\'ee\'e3\'ee \'e8\'eb\'e8 \'ed\'e5\'ed\'e0\'e4\'eb\'e5\'e6\'e0\'f9\'e8\'ec \'ee\'e1\'f0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7\'ee\'ec \'e8\'f1\'ef\'ee\'eb\'ed\</w:t>
      </w:r>
      <w:r w:rsidRPr="00651F56">
        <w:rPr>
          <w:rFonts w:ascii="Courier New" w:hAnsi="Courier New" w:cs="Courier New"/>
        </w:rPr>
        <w:t xml:space="preserve">'e5\'ed\'ed\'ee\'e3\'ee \'ee\'e1\'ff\'e7\'e0\'f2\'e5\'eb\'fc\'f1\'f2\'e2\'e0 \'e7\'e0 \'ea\'e0\'e6\'e4\'fb\'e9 \'e4\'e5\'ed\'fc \'ef\'f0\'ee\'f1\'f0\'ee\'f7\'ea\'e8,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insrsid7828448\charrsid7828448  \'e2 \'f1\'</w:t>
      </w:r>
      <w:r w:rsidRPr="00651F56">
        <w:rPr>
          <w:rFonts w:ascii="Courier New" w:hAnsi="Courier New" w:cs="Courier New"/>
        </w:rPr>
        <w:t>eb\'f3\'f7\'e0\'e5 \'ed\'e5\'e8\'f1\'ef\'ee\'eb\'ed\'e5\'ed\'e8\'ff \'e8\'eb\'e8 \'ed\'e5\'ed\'e0\'e4\'eb\'e5\'e6\'e0\'f9\'e5\'e3\'ee \'e8\'f1\'ef\'ee\'eb\'ed\'e5\'ed\'e8\'ff \'cf\'ee\'f0\'f3\'f7\'e8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b\'e5\'ec \'e4\'e5\'ed\'e5\'e6\'ed\'fb\'f5 \</w:t>
      </w:r>
      <w:r w:rsidRPr="00651F56">
        <w:rPr>
          <w:rFonts w:ascii="Courier New" w:hAnsi="Courier New" w:cs="Courier New"/>
        </w:rPr>
        <w:t>'ee\'e1\'ff\'e7\'e0\'f2\'e5\'eb\'fc\'f1\'f2\'e2 \'ef\'ee \'c4\'ee\'e3\'ee\'e2\'ee\'f0\'f3 \'ef\'ee\'f0\'f3\'f7\'e8\'f2\'e5\'eb\'fc\'f1\'f2\'e2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8\'ed\'fb\'e5 \'ea\'ee\'ec\'e8\'f1\'f1\'e8\'e8, \'ed\'e0\'e4\'e1\'e0\'e2\'ea\'e8 \'ea \'ef\'f0\'ee\'</w:t>
      </w:r>
      <w:r w:rsidRPr="00651F56">
        <w:rPr>
          <w:rFonts w:ascii="Courier New" w:hAnsi="Courier New" w:cs="Courier New"/>
        </w:rPr>
        <w:t xml:space="preserve">f6\'e5\'ed\'f2\'ed\'ee\'e9 \'f1\'f2\'e0\'e2\'ea\'e5 \'e8 \'f1\'e0\'ed\'ea\'f6\'e8\'e8 (\'ed\'e5\'f3\'f1\'f2\'ee\'e9\'ea\'e8, \'f8\'f2\'f0\'e0\'f4\'fb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5\'ed\'e8 \'e8 \'f2.\'e4.), \'ef\'f0\'e5\'e4\'f3\'f1\'ec\'ee\'f2\'f0\'e5\'ed\'ed\'fb\'e5 \'ea\'f</w:t>
      </w:r>
      <w:r w:rsidRPr="00651F56">
        <w:rPr>
          <w:rFonts w:ascii="Courier New" w:hAnsi="Courier New" w:cs="Courier New"/>
        </w:rPr>
        <w:t xml:space="preserve">0\'e5\'e4\'e8\'f2\'ed\'fb\'ec \'f1\'ee\'e3\'eb\'e0\'f8\'e5\'ed\'e8\'e5\'ec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8\'ed\'fb\'e5 \'f3\'f1\'eb\'ee\'e2\'e8\'ff \'d1\'ee\'e3\'eb\'e0\'f8\'e5\'ed\'e8\'ff, \'ed\'e5 \'f3\'ea\'e0\'e7\'e0\'ed\'ed\'fb\'e5 \'e2 \'ed\'e0\'f1\'f2\'ee\'ff\'f9\'e5\'</w:t>
      </w:r>
      <w:r w:rsidRPr="00651F56">
        <w:rPr>
          <w:rFonts w:ascii="Courier New" w:hAnsi="Courier New" w:cs="Courier New"/>
        </w:rPr>
        <w:t>ec \'ef\'f0\'ee\'f2\'ee\'ea\'ee\'eb\'e5, \'ee\'ef\'f0\'e5\'e4\'e5\'eb\'ff\'f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f \'ef\'ee \'f3\'f1\'ec\'ee\'f2\'f0\'e5\'ed\'e8\'fe \'e5\'e4\'e8\'ed\'ee\'eb\'e8\'f7\'ed\'ee\'e3\'ee \'e8\'f1\'ef\'ee\'eb\'ed\'e8\'f2\'e5\'eb\'fc\'ed\'ee\'e3\'ee \'ee</w:t>
      </w:r>
      <w:r w:rsidRPr="00651F56">
        <w:rPr>
          <w:rFonts w:ascii="Courier New" w:hAnsi="Courier New" w:cs="Courier New"/>
        </w:rPr>
        <w:t xml:space="preserve">\'f0\'e3\'e0\'ed\'e0 \'c7\'e0\'e5\'ec\'f9\'e8\'ea\'e0.   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fs22\insrsid7828448\charrsid782844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\pard \ltrpar\qj \li0\ri0\widctlpar\wrapdefault\aspalpha\aspnum\faauto\adjustright\rin0\lin0\itap0\pararsid1991179 </w:t>
      </w:r>
      <w:r w:rsidRPr="00651F56">
        <w:rPr>
          <w:rFonts w:ascii="Courier New" w:hAnsi="Courier New" w:cs="Courier New"/>
        </w:rPr>
        <w:t xml:space="preserve">{\rtlch\fcs1 \af0\afs22 \ltrch\fcs0 \b\fs22\cf6\insrsid1991179\charrsid782844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f0\afs22 \ltrch\fcs0 \b\fs22\cf6\insrsid199117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b\fs22\insrsid1991179\charrsid538368 \'c2\'ee\'ef\'</w:t>
      </w:r>
      <w:r w:rsidRPr="00651F56">
        <w:rPr>
          <w:rFonts w:ascii="Courier New" w:hAnsi="Courier New" w:cs="Courier New"/>
        </w:rPr>
        <w:t>f0\'ee\'f1 \'b9 }{\rtlch\fcs1 \ab\af0\afs22 \ltrch\fcs0 \b\fs22\insrsid1991179 2}{\rtlch\fcs1 \ab\af0\afs22 \ltrch\fcs0 \b\fs22\insrsid1991179\charrsid538368 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5\'f1\'f2\'ea\'e8 \'e4\'ed\'ff \'ee\'e1\'f9\'e5\'e3\'ee \'f1\'ee\'e1\'f0\'e0\'ed</w:t>
      </w:r>
      <w:r w:rsidRPr="00651F56">
        <w:rPr>
          <w:rFonts w:ascii="Courier New" w:hAnsi="Courier New" w:cs="Courier New"/>
        </w:rPr>
        <w:t>\'e8\'ff:}{\rtlch\fcs1 \af0\afs22 \ltrch\fcs0 \fs22\insrsid1991179\charrsid1991179  }{\rtlch\fcs1 \af0\afs22 \ltrch\fcs0 \fs22\insrsid1991179\charrsid8586865 \'c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1 \'ee\'e4\'ee\'e1\'f0\'e5\'ed\'e8\'e8 \'ea\'f0\'f3\'ef\'ed\'ee\'e9 \'f1\'e4\'e5\'eb\'ea\</w:t>
      </w:r>
      <w:r w:rsidRPr="00651F56">
        <w:rPr>
          <w:rFonts w:ascii="Courier New" w:hAnsi="Courier New" w:cs="Courier New"/>
        </w:rPr>
        <w:t>'e8 \endash  \'e4\'ee\'e3\'ee\'e2\'ee\'f0\'e0 \'ef\'ee\'f0\'f3\'f7\'e8\'f2\'e5\'eb\'fc\'f1\'f2\'e2\'e0 \'b9\'c4\'cf8-\'d6\'d3-702750/2021/00008 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03.03.2021 \'e3\'ee\'e4\'e0 \'ec\'e5\'e6\'e4\'f3 \'c0\'ce \'ab\'d2\'e5\'f0\'ec\'e8\'ed\'e0\'eb \'c0\'</w:t>
      </w:r>
      <w:r w:rsidRPr="00651F56">
        <w:rPr>
          <w:rFonts w:ascii="Courier New" w:hAnsi="Courier New" w:cs="Courier New"/>
        </w:rPr>
        <w:t>f1\'f2\'e0\'f4\'fc\'e5\'e2\'e0\'bb (\'c8\'cd\'cd 2508001618) \'e8 \'c1\'e0\'ed\'ea\'ee\'ec \'c2\'d2\'c1 (\'ef\'f3\'e1\'eb\'e8\'f7\'ed\'ee\'e5 \'e0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6\'e8\'ee\'ed\'e5\'f0\'ed\'ee\'e5 \'ee\'e1\'f9\'e5\'f1\'f2\'e2\'ee) \'ef\'ee \'ea\'f0\'e5\'e4\'e8\'f2</w:t>
      </w:r>
      <w:r w:rsidRPr="00651F56">
        <w:rPr>
          <w:rFonts w:ascii="Courier New" w:hAnsi="Courier New" w:cs="Courier New"/>
        </w:rPr>
        <w:t>\'ed\'fb\'ec \'ee\'e1\'ff\'e7\'e0\'f2\'e5\'eb\'fc\'f1\'f2\'e2\'e0\'ec \'ce\'ce\'ce \'ab\'d2\'e5\'f0\'ec\'e8\'ed\'e0\'eb \'c0\'f1\'f2\'e0\'f4\'fc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0\'bb (\'c8\'cd\'cd 2508129784) \'ef\'ee \'ea\'f0\'e5\'e4\'e8\'f2\'ed\'ee\'ec\'f3 \'f1\'ee\'e3\'eb\</w:t>
      </w:r>
      <w:r w:rsidRPr="00651F56">
        <w:rPr>
          <w:rFonts w:ascii="Courier New" w:hAnsi="Courier New" w:cs="Courier New"/>
        </w:rPr>
        <w:t>'e0\'f8\'e5\'ed\'e8\'fe \'ee \'e2\'fb\'e4\'e0\'f7\'e5 \'ea\'f0\'e5\'e4\'e8\'f2\'e0 \'e2 \'e2\'e8\'e4\'e5 \'ea\'f0\'e5\'e4\'e8\'f2\'ed\'ee\'e9 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d\'e8\'e8 \'f1 \'eb\'e8\'ec\'e8\'f2\'ee\'ec \'e2\'fb\'e4\'e0\'f7\'e8 \'b9\'ca\'d1-\'d6\'d3-702750/202</w:t>
      </w:r>
      <w:r w:rsidRPr="00651F56">
        <w:rPr>
          <w:rFonts w:ascii="Courier New" w:hAnsi="Courier New" w:cs="Courier New"/>
        </w:rPr>
        <w:t>1/00008 \'ee\'f2 03.03.2021 \'e3\'ee\'e4\'e0, \'e2 \'f1\'f3\'ec\'ec\'e5 100 \'ec\'eb\'ed. \'f0\'f3\'e1\'eb\'e5\'e9, \'f1\'f0\'ee\'ea\'ee\'ec 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 2555 \'e4\'ed\'e5\'e9, \'e7\'e0\'ea\'eb\'fe\'f7\'e5\'ed\'ed\'ee\'ec\'f3 \'ec\'e5\'e6\'e4\'f3 \'ce\'ce\'c</w:t>
      </w:r>
      <w:r w:rsidRPr="00651F56">
        <w:rPr>
          <w:rFonts w:ascii="Courier New" w:hAnsi="Courier New" w:cs="Courier New"/>
        </w:rPr>
        <w:t>e \'ab\'d2\'e5\'f0\'ec\'e8\'ed\'e0\'eb \'c0\'f1\'f2\'e0\'f4\'fc\'e5\'e2\'e0\'bb (\'c8\'cd\'cd 2508129784)  \'e8 \'c1\'e0\'ed\'ea\'ee\'ec \'c2\'d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c1 (\'cf\'c0\'ce).}{\rtlch\fcs1 \af0\afs22 \ltrch\fcs0 \fs22\insrsid199117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</w:t>
      </w:r>
      <w:r w:rsidRPr="00651F56">
        <w:rPr>
          <w:rFonts w:ascii="Courier New" w:hAnsi="Courier New" w:cs="Courier New"/>
        </w:rPr>
        <w:t xml:space="preserve"> \ltrch\fcs0 \fs22\insrsid8323676\charrsid858686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8\qj \li0\ri0\widctlpar\wrapdefault\aspalpha\aspnum\faauto\adjustright\rin0\lin0\itap0\pararsid1991179 \rtlch\fcs1 \af0\afs20\alang1025 \ltrch\fcs0 \fs24\lang1049\langfe1049\cg</w:t>
      </w:r>
      <w:r w:rsidRPr="00651F56">
        <w:rPr>
          <w:rFonts w:ascii="Courier New" w:hAnsi="Courier New" w:cs="Courier New"/>
        </w:rPr>
        <w:t xml:space="preserve">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1991179\charrsid538368 \'d0\'e5\'e7\'f3\'eb\'fc\'f2\'e0\'f2\'fb \'e3\'ee\'eb\'ee\'f1\'ee\'e2\'e0\'ed\'e8\'ff \'ef\'ee  }{\rtlch\fcs1 \ab\af0\afs22 \ltrch\fcs0 \b\fs22\insrs</w:t>
      </w:r>
      <w:r w:rsidRPr="00651F56">
        <w:rPr>
          <w:rFonts w:ascii="Courier New" w:hAnsi="Courier New" w:cs="Courier New"/>
        </w:rPr>
        <w:t xml:space="preserve">id8323676 \'e2\'f2\'ee\'f0\'ee\'ec\'f3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0\afs22 \ltrch\fcs0 \b\fs22\insrsid1991179\charrsid538368  }{\rtlch\fcs1 \ab\af0\afs22 \ltrch\fcs0 \b\fs22\insrsid8323676  }{\rtlch\fcs1 \ab\af0\afs22 \ltrch\fcs0 \b\fs22\insrsid1991179\charrsid53</w:t>
      </w:r>
      <w:r w:rsidRPr="00651F56">
        <w:rPr>
          <w:rFonts w:ascii="Courier New" w:hAnsi="Courier New" w:cs="Courier New"/>
        </w:rPr>
        <w:t>8368 \'e2\'ee\'ef\'f0\'ee\'f1\'f3 \'ef\'ee\'e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f1\'f2\'ea\'e8 \'e4\'ed\'ff}{\rtlch\fcs1 \af0\afs22 \ltrch\fcs0 \fs22\insrsid1991179\charrsid538368 :}{\rtlch\fcs1 \af0\afs22 \ltrch\fcs0 \fs22\insrsid199117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sb1</w:t>
      </w:r>
      <w:r w:rsidRPr="00651F56">
        <w:rPr>
          <w:rFonts w:ascii="Courier New" w:hAnsi="Courier New" w:cs="Courier New"/>
        </w:rPr>
        <w:t xml:space="preserve">20\widctlpar\tx4536\wrapdefault\aspalpha\aspnum\faauto\adjustright\rin0\lin0\itap0\pararsid14956645 \rtlch\fcs1 \af0\afs20\alang1025 \ltrch\fcs0 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1495</w:t>
      </w:r>
      <w:r w:rsidRPr="00651F56">
        <w:rPr>
          <w:rFonts w:ascii="Courier New" w:hAnsi="Courier New" w:cs="Courier New"/>
        </w:rPr>
        <w:t>6645\charrsid2451716 \'d7\'e8\'f1\'eb\'ee \'e3\'ee\'eb\'ee\'f1\'ee\'e2, \'ea\'ee\'f2\'ee\'f0\'fb\'ec\'e8 \'ee\'e1\'eb\'e0\'e4\'e0\'eb\'e8 \'eb\'e8\'f6\'e0, \'e2\'ea\'eb\'fe\'f7\'e5\'ed\'ed\'fb\'e5 \'e2 \'f1\'ef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ee\'ea \'eb\'e8\'f6, \'e8\'ec\'e5\</w:t>
      </w:r>
      <w:r w:rsidRPr="00651F56">
        <w:rPr>
          <w:rFonts w:ascii="Courier New" w:hAnsi="Courier New" w:cs="Courier New"/>
        </w:rPr>
        <w:t xml:space="preserve">'e2\'f8\'e8\'f5 \'ef\'f0\'e0\'e2\'ee \'ed\'e0 \'f3\'f7\'e0\'f1\'f2\'e8\'e5 \'e2  \'ee\'e1\'f9\'e5\'ec \'f1\'ee\'e1\'f0\'e0\'ed\'e8\'e8 \'e0\'ea\'f6\'e8\'ee\'ed\'e5\'f0\'ee\'e2, \'ef\'ee \'e4\'e0\'ed\'ed\'ee\'ec\'f3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e\'ef\'f0\'ee\'f1\'f3 \'ef\'ee\'</w:t>
      </w:r>
      <w:r w:rsidRPr="00651F56">
        <w:rPr>
          <w:rFonts w:ascii="Courier New" w:hAnsi="Courier New" w:cs="Courier New"/>
        </w:rPr>
        <w:t xml:space="preserve">e2\'e5\'f1\'f2\'ea\'e8 \'e4\'ed\'ff \'ee\'e1\'f9\'e5\'e3\'ee \'f1\'ee\'e1\'f0\'e0\'ed\'e8\'ff, -  830 380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f\'f0\'e8\'f5\'ee\'e4\'e8\'e2\'f8\'e8\'f5\'f1\'ff \'ed\'e0 \'e3\'ee\'eb\'ee\'f1\'f3\'fe\</w:t>
      </w:r>
      <w:r w:rsidRPr="00651F56">
        <w:rPr>
          <w:rFonts w:ascii="Courier New" w:hAnsi="Courier New" w:cs="Courier New"/>
        </w:rPr>
        <w:t>'f9\'e8\'e5 \'e0\'ea\'f6\'e8\'e8 \'ee\'e1\'f9\'e5\'f1\'f2\'e2\'e0, \'ef\'ee \'e4\'e0\'ed\'ed\'ee\'ec\'f3 \'e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e\'f1\'f3 \'ef\'ee\'e2\'e5\'f1\'f2\'ea\'e8 \'e4\'ed\'ff \'ee\'e1\'f9\'e5\'e3\'ee \'f1\'ee\'e1\'f0\'e0\'ed\'e8\'ff, \'ee\'ef\'f0\'e</w:t>
      </w:r>
      <w:r w:rsidRPr="00651F56">
        <w:rPr>
          <w:rFonts w:ascii="Courier New" w:hAnsi="Courier New" w:cs="Courier New"/>
        </w:rPr>
        <w:t>5\'e4\'e5\'eb\'e5\'ed\'ed\'ee\'e5 \'f1 \'f3\'f7\'e5\'f2\'ee\'ec \'f2\'f0\'e5\'e1\'ee\'e2\'e0\'ed\'e8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. 4.24. \'cf\'ee\'eb\'ee\'e6\'e5\'ed\'e8\'e5 \'c1\'e0\'ed\'ea\'e0 \'d0\'ee\'f1\'f1\'e8\'e8 \'b9 660-\'cf \'ee\'f2 16.11.2018\'e3. \'ab\'ce\'e1 \'</w:t>
      </w:r>
      <w:r w:rsidRPr="00651F56">
        <w:rPr>
          <w:rFonts w:ascii="Courier New" w:hAnsi="Courier New" w:cs="Courier New"/>
        </w:rPr>
        <w:t xml:space="preserve">ee\'e1\'f9\'e8\'f5 \'f1\'ee\'e1\'f0\'e0\'ed\'e8\'ff\'f5 \'e0\'ea\'f6\'e8\'ee\'ed\'e5\'f0\'ee\'e2\'bb, \endash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472 104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a\'ee\'f2\'ee\'f0\'fb\'ec\'e8 \'ee\'e1\'eb\'e0\'e4\'e0\'eb\'e8 \'eb\'e8\'f</w:t>
      </w:r>
      <w:r w:rsidRPr="00651F56">
        <w:rPr>
          <w:rFonts w:ascii="Courier New" w:hAnsi="Courier New" w:cs="Courier New"/>
        </w:rPr>
        <w:t>6\'e0, \'ef\'f0\'e8\'ed\'ff\'e2\'f8\'e8\'e5 \'f3\'f7\'e0\'f1\'f2\'e8\'e5  \'e2 \'ee\'e1\'f9\'e5\'ec  \'f1\'ee\'e1\'f0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8, \'ef\'ee \'e4\'e0\'ed\'ed\'ee\'ec\'f3 \'e2\'ee\'ef\'f0\'ee\'f1\'f3 \'ef\'ee\'e2\'e5\'f1\'f2\'ea\'e8 \'e4\'ed\'ff \'f1\'</w:t>
      </w:r>
      <w:r w:rsidRPr="00651F56">
        <w:rPr>
          <w:rFonts w:ascii="Courier New" w:hAnsi="Courier New" w:cs="Courier New"/>
        </w:rPr>
        <w:t xml:space="preserve">ee\'e1\'f0\'e0\'ed\'e8\'ff,  - 434 8}{\rtlch\fcs1 \af0\afs22 \ltrch\fcs0 \fs22\insrsid14956645 57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4956645\charrsid2451716 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tx4536\wrapdefault\aspalpha\aspnum\fa</w:t>
      </w:r>
      <w:r w:rsidRPr="00651F56">
        <w:rPr>
          <w:rFonts w:ascii="Courier New" w:hAnsi="Courier New" w:cs="Courier New"/>
        </w:rPr>
        <w:t>auto\adjustright\rin0\lin0\itap0\pararsid14956645 {\rtlch\fcs1 \af0\afs22 \ltrch\fcs0 \fs22\insrsid14956645\charrsid2451716 \'ca\'e2\'ee\'f0\'f3\'ec \'ef\'ee \'e4\'e0\'ed\'ed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'f3 \'e2\'ee\'ef\'f0\'ee\'f1\'f3 \'ef\'ee\'e2\'e5\'f1\'f2\'ea\'e8 \'e4\</w:t>
      </w:r>
      <w:r w:rsidRPr="00651F56">
        <w:rPr>
          <w:rFonts w:ascii="Courier New" w:hAnsi="Courier New" w:cs="Courier New"/>
        </w:rPr>
        <w:t>'ed\'ff \'e8\'ec\'e5\'e5\'f2\'f1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4\qj \li0\ri0\widctlpar\tx4536\wrapdefault\aspalpha\aspnum\faauto\adjustright\rin0\lin0\itap0\pararsid14956645 \rtlch\fcs1 \af0\afs20\alang1025 \ltrch\fcs0 \fs24\lang1049\langfe1049\cgrid\l</w:t>
      </w:r>
      <w:r w:rsidRPr="00651F56">
        <w:rPr>
          <w:rFonts w:ascii="Courier New" w:hAnsi="Courier New" w:cs="Courier New"/>
        </w:rPr>
        <w:t xml:space="preserve">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14956645\charrsid2451716 \'d7\'e8\'f1\'eb\'ee \'e3\'ee\'eb\'ee\'f1\'ee\'e2, \'ee\'f2\'e4\'e0\'ed\'ed\'fb\'f5 \'e7\'e0 \'ea\'e0\'e6\'e4\'fb\'e9 \'e8\'e7 \'e2\'e0\'f0\'e8\'e0\'ed\'f2\'</w:t>
      </w:r>
      <w:r w:rsidRPr="00651F56">
        <w:rPr>
          <w:rFonts w:ascii="Courier New" w:hAnsi="Courier New" w:cs="Courier New"/>
        </w:rPr>
        <w:t>ee\'e2 \'e3\'ee\'eb\'ee\'f1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d\'e8\'ff \'ef\'ee \'e4\'e0\'ed\'ed\'ee\'ec\'f3 \'e2\'ee\'ef\'f0\'ee\'f1\'f3 \'ef\'ee\'e2\'e5\'f1\'f2\'ea\'e8 \'e4\'ed\'ff \'f1\'ee\'e1\'f0\'e0\'ed\'e8\'ff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fi709\li0\ri0\widctlpar\</w:t>
      </w:r>
      <w:r w:rsidRPr="00651F56">
        <w:rPr>
          <w:rFonts w:ascii="Courier New" w:hAnsi="Courier New" w:cs="Courier New"/>
        </w:rPr>
        <w:t xml:space="preserve">wrapdefault\aspalpha\aspnum\faauto\adjustright\rin0\lin0\itap0\pararsid14956645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4956645\charrsid1495664</w:t>
      </w:r>
      <w:r w:rsidRPr="00651F56">
        <w:rPr>
          <w:rFonts w:ascii="Courier New" w:hAnsi="Courier New" w:cs="Courier New"/>
        </w:rPr>
        <w:t>5 \'ab\'e7\'e0\'bb -  434 857;     \'ab\'ef\'f0\'ee\'f2\'e8\'e2\'bb -  0;     \'ab\'e2\'ee\'e7\'e4\'e5\'f0\'e6\'e0\'eb\'f1\'ff\'bb - 0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8\qj \li0\ri0\widctlpar\wrapdefault\aspalpha\aspnum\faauto\adjustright\rin0\lin0\itap0\para</w:t>
      </w:r>
      <w:r w:rsidRPr="00651F56">
        <w:rPr>
          <w:rFonts w:ascii="Courier New" w:hAnsi="Courier New" w:cs="Courier New"/>
        </w:rPr>
        <w:t xml:space="preserve">rsid1991179 \rtlch\fcs1 \af0\afs20\alang1025 \ltrch\fcs0 \fs24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fs22\insrsid472349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wrapdefault\aspalpha</w:t>
      </w:r>
      <w:r w:rsidRPr="00651F56">
        <w:rPr>
          <w:rFonts w:ascii="Courier New" w:hAnsi="Courier New" w:cs="Courier New"/>
        </w:rPr>
        <w:t xml:space="preserve">\aspnum\faauto\adjustright\rin0\lin0\itap0\pararsid8990346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8323676\charrsid538368 \'d0\'e5\'f8\'e5\'ed</w:t>
      </w:r>
      <w:r w:rsidRPr="00651F56">
        <w:rPr>
          <w:rFonts w:ascii="Courier New" w:hAnsi="Courier New" w:cs="Courier New"/>
        </w:rPr>
        <w:t xml:space="preserve">\'e8\'e5 \'f1\'ee\'e1\'f0\'e0\'ed\'e8\'ff \'ef\'ee }{\rtlch\fcs1 \af0\afs22 \ltrch\fcs0 \b\fs22\insrsid8323676 \'e2\'f2\'ee\'f0\'ee\'ec\'f3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fs22\insrsid8323676\charrsid538368  \'e2\'ee\'ef\'f0\'ee\'f1\'f3 \'ef\'ee\'</w:t>
      </w:r>
      <w:r w:rsidRPr="00651F56">
        <w:rPr>
          <w:rFonts w:ascii="Courier New" w:hAnsi="Courier New" w:cs="Courier New"/>
        </w:rPr>
        <w:t xml:space="preserve">e2\'e5\'f1\'f2\'ea\'e8 \'e4\'ed\'ff:}{\rtlch\fcs1 \af0\afs22 \ltrch\fcs0 \b\fs22\cf6\insrsid8323676\charrsid538368  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insrsid8990346\charrsid8990346 {\*\bkmkstart _Hlk72508106}\'ce\'c4\'ce\'c1\'d0\'c8\'d2\'dc \'ea</w:t>
      </w:r>
      <w:r w:rsidRPr="00651F56">
        <w:rPr>
          <w:rFonts w:ascii="Courier New" w:hAnsi="Courier New" w:cs="Courier New"/>
        </w:rPr>
        <w:t>\'f0\'f3\'ef\'ed\'f3\'fe \'f1\'e4\'e5\'eb\'ea\'f3 \endash  \'e4\'ee\'e3\'ee\'e2\'ee\'f0 \'ef\'ee\'f0\'f3\'f7\'e8\'f2\'e5\'eb\'fc\'f1\'f2\'e2\'e0 \'b9\'c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f8-\'d6\'d3-702750/2021/00008 \'ee\'f2 03.03.2021 \'e3\'ee\'e4\'e0 \'ec\'e5\'e6\'e4\'f3 \'c0\'ce \</w:t>
      </w:r>
      <w:r w:rsidRPr="00651F56">
        <w:rPr>
          <w:rFonts w:ascii="Courier New" w:hAnsi="Courier New" w:cs="Courier New"/>
        </w:rPr>
        <w:t>'ab\'d2\'e5\'f0\'ec\'e8\'ed\'e0\'eb \'c0\'f1\'f2\'e0\'f4\'fc\'e5\'e2\'e0\'bb (\'c8\'cd\'cd 2508001618) \'e8 \'c1\'e0\'ed\'ea\'ee\'ec \'c2\'d2\'c1 (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'e1\'eb\'e8\'f7\'ed\'ee\'e5 \'e0\'ea\'f6\'e8\'ee\'ed\'e5\'f0\'ed\'ee\'e5 \'ee\'e1\'f9\'e5\'f1\'f2\</w:t>
      </w:r>
      <w:r w:rsidRPr="00651F56">
        <w:rPr>
          <w:rFonts w:ascii="Courier New" w:hAnsi="Courier New" w:cs="Courier New"/>
        </w:rPr>
        <w:t>'e2\'ee) \'ef\'ee \'ea\'f0\'e5\'e4\'e8\'f2\'ed\'fb\'ec \'ee\'e1\'ff\'e7\'e0\'f2\'e5\'eb\'fc\'f1\'f2\'e2\'e0\'ec \'ce\'ce\'ce \'ab\'d2\'e5\'f0\'ec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0\'eb \'c0\'f1\'f2\'e0\'f4\'fc\'e5\'e2\'e0\'bb (\'c8\'cd\'cd 2508129784) \'ef\'ee \'ea\'f0\'e5\'e4</w:t>
      </w:r>
      <w:r w:rsidRPr="00651F56">
        <w:rPr>
          <w:rFonts w:ascii="Courier New" w:hAnsi="Courier New" w:cs="Courier New"/>
        </w:rPr>
        <w:t xml:space="preserve">\'e8\'f2\'ed\'ee\'ec\'f3 \'f1\'ee\'e3\'eb\'e0\'f8\'e5\'ed\'e8\'fe \'b9\'ca\'d1-\'d6\'d3-702750/2021/00008 \'ee\'f2 03.03.2021 \'e3\'ee\'e4\'e0 \'ee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fb\'e4\'e0\'f7\'e5 \'ea\'f0\'e5\'e4\'e8\'f2\'e0 \'e2 \'e2\'e8\'e4\'e5 \'ea\'f0\'e5\'e4\'e8\'f2\'ed\'</w:t>
      </w:r>
      <w:r w:rsidRPr="00651F56">
        <w:rPr>
          <w:rFonts w:ascii="Courier New" w:hAnsi="Courier New" w:cs="Courier New"/>
        </w:rPr>
        <w:t>ee\'e9 \'eb\'e8\'ed\'e8\'e8 \'f1 \'eb\'e8\'ec\'e8\'f2\'ee\'ec \'e2\'fb\'e4\'e0\'f7\'e8, \'e2 \'f1\'f3\'ec\'ec\'e5 100 \'ec\'eb\'ed. \'f0\'f3\'e1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9, \'f1\'f0\'ee\'ea\'ee\'ec \'e4\'ee 2555 \'e4\'ed\'e5\'e9, \'e7\'e0\'ea\'eb\'fe\'f7\'e5\'ed\'ed\'e</w:t>
      </w:r>
      <w:r w:rsidRPr="00651F56">
        <w:rPr>
          <w:rFonts w:ascii="Courier New" w:hAnsi="Courier New" w:cs="Courier New"/>
        </w:rPr>
        <w:t xml:space="preserve">e\'ec\'f3 \'ec\'e5\'e6\'e4\'f3 \'ce\'ce\'ce \'ab\'d2\'e5\'f0\'ec\'e8\'ed\'e0\'eb \'c0\'f1\'f2\'e0\'f4\'fc\'e5\'e2\'e0\'bb (\'c8\'cd\'cd 2508129784)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8 \'c1\'e0\'ed\'ea\'ee\'ec \'c2\'d2\'c1 (\'cf\'c0\'ce){\*\bkmkend _Hlk72508106} (\'e4\'e0\'eb\'e5\'e5 </w:t>
      </w:r>
      <w:r w:rsidRPr="00651F56">
        <w:rPr>
          <w:rFonts w:ascii="Courier New" w:hAnsi="Courier New" w:cs="Courier New"/>
        </w:rPr>
        <w:t xml:space="preserve">\'f2\'e0\'ea\'e6\'e5 \'d1\'ee\'e3\'eb\'e0\'f8\'e5\'ed\'e8\'e5/\'ca\'f0\'e5\'e4\'e8\'f2\'ed\'ee\'e5 \'f1\'ee\'e3\'eb\'e0\'f8\'e5\'ed\'e8\'e5) \'ed\'e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eb\'e5\'e4\'f3\'fe\'f9\'e8\'f5 \'f3\'f1\'eb\'ee\'e2\'e8\'ff\'f5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</w:t>
      </w:r>
      <w:r w:rsidRPr="00651F56">
        <w:rPr>
          <w:rFonts w:ascii="Courier New" w:hAnsi="Courier New" w:cs="Courier New"/>
        </w:rPr>
        <w:t xml:space="preserve">0\ri0\widctlpar\wrapdefault\aspalpha\aspnum\faauto\adjustright\rin0\lin0\itap0\pararsid8990346 {\rtlch\fcs1 \ab\af0\afs22 \ltrch\fcs0 \b\fs22\insrsid8990346\charrsid8990346 \'c2\'e8\'e4 \'f1\'e4\'e5\'eb\'ea\'e8: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0\afs22 \ltrch\fcs0 \fs</w:t>
      </w:r>
      <w:r w:rsidRPr="00651F56">
        <w:rPr>
          <w:rFonts w:ascii="Courier New" w:hAnsi="Courier New" w:cs="Courier New"/>
        </w:rPr>
        <w:t>22\insrsid8990346\charrsid8990346  \'ca\'f0\'e5\'e4\'e8\'f2\'ed\'e0\'ff \'eb\'e8\'ed\'e8\'ff \'f1 \'eb\'e8\'ec\'e8\'f2\'ee\'ec \'e2\'fb\'e4\'e0\'f7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567\li0\ri0\widctlpar\wrapdefault\aspalpha\aspnum\faauto\adjustright\rin0\li</w:t>
      </w:r>
      <w:r w:rsidRPr="00651F56">
        <w:rPr>
          <w:rFonts w:ascii="Courier New" w:hAnsi="Courier New" w:cs="Courier New"/>
        </w:rPr>
        <w:t>n0\itap0\pararsid8990346 {\rtlch\fcs1 \ab\af0\afs22 \ltrch\fcs0 \fs22\insrsid8990346\charrsid8990346 - \'ca\'f0\'e5\'e4\'e8\'f2\'ee\'f0 \endash  \'c1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 \'c2\'d2\'c1 (\'cf\'c0\'ce)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- \'c7\'e0\'e5\'ec\'f9\'e8\'ea \endash }{\rtlch\fcs1 \af0\</w:t>
      </w:r>
      <w:r w:rsidRPr="00651F56">
        <w:rPr>
          <w:rFonts w:ascii="Courier New" w:hAnsi="Courier New" w:cs="Courier New"/>
        </w:rPr>
        <w:t xml:space="preserve">afs22 \ltrch\fcs0 \fs22\insrsid8990346\charrsid8990346  \'ce\'ce\'ce \'ab\'d2\'e5\'f0\'ec\'e8\'ed\'e0\'eb \'c0\'f1\'f2\'e0\'f4\'fc\'e5\'e2\'e0\'bb (\'c8\'cd\'cd 2508129784)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ab\af0\afs22 \ltrch\fcs0 \fs22\insrsid8990346\charrsid899034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</w:t>
      </w:r>
      <w:r w:rsidRPr="00651F56">
        <w:rPr>
          <w:rFonts w:ascii="Courier New" w:hAnsi="Courier New" w:cs="Courier New"/>
        </w:rPr>
        <w:t>r }\pard \ltrpar\qj \fi708\li0\ri0\widctlpar\wrapdefault\aspalpha\aspnum\faauto\adjustright\rin0\lin0\itap0\pararsid8990346 {\rtlch\fcs1 \ab\af0\afs22 \ltrch\fcs0 \b\fs22\insrsid8990346\charrsid8990346 \'d1\'f3\'ec\'ec\'e0 \'f1\'e4\'e5\'eb\'ea\'e8: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</w:t>
      </w:r>
      <w:r w:rsidRPr="00651F56">
        <w:rPr>
          <w:rFonts w:ascii="Courier New" w:hAnsi="Courier New" w:cs="Courier New"/>
        </w:rPr>
        <w:t xml:space="preserve">ch\fcs1 \ab\af0\afs22 \ltrch\fcs0 \fs22\insrsid8990346\charrsid8990346  100 000\~000,00 (\'f1\'f2\'ee \'ec\'e8\'eb\'eb\'e8\'ee\'ed\'ee\'e2) \'f0\'f3\'e1\'eb\'e5\'e9}{\rtlch\fcs1 \ai\af0\afs22 \ltrch\fcs0 \fs22\insrsid8990346\charrsid899034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</w:t>
      </w:r>
      <w:r w:rsidRPr="00651F56">
        <w:rPr>
          <w:rFonts w:ascii="Courier New" w:hAnsi="Courier New" w:cs="Courier New"/>
        </w:rPr>
        <w:t xml:space="preserve">\fcs1 \ab\af0\afs22 \ltrch\fcs0 \b\fs22\insrsid8990346\charrsid8990346 \'d1\'f0\'ee\'ea \'f1\'e4\'e5\'eb\'ea\'e8: 2555}{\rtlch\fcs1 \ab\af0\afs22 \ltrch\fcs0 \fs22\insrsid8990346\charrsid8990346  \'e4\'ed\'e5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</w:t>
      </w:r>
      <w:r w:rsidRPr="00651F56">
        <w:rPr>
          <w:rFonts w:ascii="Courier New" w:hAnsi="Courier New" w:cs="Courier New"/>
        </w:rPr>
        <w:t>cs0 \b\fs22\insrsid8990346\charrsid8990346 \'d1\'f0\'ee\'ea \'e8\'f1\'ef\'ee\'eb\'fc\'e7\'ee\'e2\'e0\'ed\'e8\'ff: }{\rtlch\fcs1 \ab\af0\afs22 \ltrch\fcs0 \fs22\insrsid8990346\charrsid8990346 \'ee\'e1\'f9\'e8\'e9 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e\'ea \'ef\'f0\'e5\'e4\'ee\'f1\</w:t>
      </w:r>
      <w:r w:rsidRPr="00651F56">
        <w:rPr>
          <w:rFonts w:ascii="Courier New" w:hAnsi="Courier New" w:cs="Courier New"/>
        </w:rPr>
        <w:t xml:space="preserve">'f2\'e0\'e2\'eb\'e5\'ed\'e8\'ff \'ca\'f0\'e5\'e4\'e8\'f2\'ee\'e2 -}{\rtlch\fcs1 \ab\af0\afs22 \ltrch\fcs0 \b\fs22\insrsid8990346\charrsid8990346  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insrsid8990346\charrsid8990346 170 \'ea\'e0\'eb\'e5\'ed\'e4\'e</w:t>
      </w:r>
      <w:r w:rsidRPr="00651F56">
        <w:rPr>
          <w:rFonts w:ascii="Courier New" w:hAnsi="Courier New" w:cs="Courier New"/>
        </w:rPr>
        <w:t>0\'f0\'ed\'fb\'f5 \'e4\'ed\'e5\'e9 \'f1 \'e4\'e0\'f2\'fb \'e2\'f1\'f2\'f3\'ef\'eb\'e5\'ed\'e8\'ff \'d1\'ee\'e3\'eb\'e0\'f8\'e5\'ed\'e8\'ff \'e2 \'f1\'e8\'eb\'f3 \'e2\'ea\'eb\'fe\'f7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5\'eb\'fc\'ed\'ee. \'ca\'f0\'e5\'e4\'e8\'f2\'fb \'ef\'f0\'e5\'</w:t>
      </w:r>
      <w:r w:rsidRPr="00651F56">
        <w:rPr>
          <w:rFonts w:ascii="Courier New" w:hAnsi="Courier New" w:cs="Courier New"/>
        </w:rPr>
        <w:t>e4\'ee\'f1\'f2\'e0\'e2\'eb\'ff\'fe\'f2\'f1\'ff \'c7\'e0\'e5\'ec\'f9\'e8\'ea\'f3 \'e4\'ee \'e8\'f1\'f2\'e5\'f7\'e5\'ed\'e8\'ff \'ce\'e1\'f9\'e5\'e3\'ee \'f1\'f0\'ee\'ea\'e0 \'ef\'f0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e\'f1\'f2\'e0\'e2\'eb\'e5\'ed\'e8\'ff \'ca\'f0\'e5\'e4\'e8\'f2\</w:t>
      </w:r>
      <w:r w:rsidRPr="00651F56">
        <w:rPr>
          <w:rFonts w:ascii="Courier New" w:hAnsi="Courier New" w:cs="Courier New"/>
        </w:rPr>
        <w:t>'ee\'e2 \'ef\'ee\'f1\'eb\'e5 \'e2\'fb\'ef\'ee\'eb\'ed\'e5\'ed\'e8\'ff \'ee\'f2\'eb\'e0\'e3\'e0\'f2\'e5\'eb\'fc\'ed\'fb\'f5 \'f3\'f1\'eb\'ee\'e2\'e8\'e9, \'ef\'f0\'e5\'e4\'f3\'f1\'ec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f0\'e5\'ed\'ed\'fb\'f5 \'d1\'ee\'e3\'eb\'e0\'f8\'e5\'ed\'e8\'e5</w:t>
      </w:r>
      <w:r w:rsidRPr="00651F56">
        <w:rPr>
          <w:rFonts w:ascii="Courier New" w:hAnsi="Courier New" w:cs="Courier New"/>
        </w:rPr>
        <w:t xml:space="preserve">\'ec.  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nowidctlpar\wrapdefault\aspalpha\aspnum\faauto\adjustright\rin0\lin0\itap0\pararsid8990346 {\rtlch\fcs1 \ab\af0\afs22 \ltrch\fcs0 \b\fs22\insrsid8990346\charrsid8990346 \'c3\'f0\'e0\'f4\'e8\'ea \'ef\'ee\'e3\</w:t>
      </w:r>
      <w:r w:rsidRPr="00651F56">
        <w:rPr>
          <w:rFonts w:ascii="Courier New" w:hAnsi="Courier New" w:cs="Courier New"/>
        </w:rPr>
        <w:t>'e0\'f8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f:}{\rtlch\fcs1 \af0\afs22 \ltrch\fcs0 \fs22\insrsid8990346\charrsid8990346  \'c5\'e6\'e5\'ec\'e5\'f1\'ff\'f7\'ed\'ee \'e2 \'ef\'e5\'f0\'e8\'ee\'e4 \'f1 15 \'ef\'ee 21 \'f7\'e8\'f1\'eb\'ee \'ea\'e0\'e6\'e4\'ee\'e3\'ee \'ec\'e5\'f1\'</w:t>
      </w:r>
      <w:r w:rsidRPr="00651F56">
        <w:rPr>
          <w:rFonts w:ascii="Courier New" w:hAnsi="Courier New" w:cs="Courier New"/>
        </w:rPr>
        <w:t>ff\'f6\'e0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 1\~250 000 \'f0\'f3\'e1., \'ed\'e0\'f7\'e8\'ed\'e0\'ff \'f1 6-\'e3\'ee \'ec\'e5\'f1\'ff\'f6\'e0 \'f1 \'e4\'e0\'f2\'fb \'e7\'e0\'ea\'eb\'fe\'f7\'e5\'ed\'e8\'ff \'f1\'e4\'e5\'eb\'ea\'e8 (1-\'fb\'e9 \'ec\'e5\'f1\'ff\'f6 \endash  \'ec\'e5</w:t>
      </w:r>
      <w:r w:rsidRPr="00651F56">
        <w:rPr>
          <w:rFonts w:ascii="Courier New" w:hAnsi="Courier New" w:cs="Courier New"/>
        </w:rPr>
        <w:t xml:space="preserve">\'f1\'ff\'f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7\'e0\'ea\'eb\'fe\'f7\'e5\'ed\'e8\'ff \'f1\'e4\'e5\'eb\'ea\'e8), \'ee\'f1\'f2\'e0\'f2\'ee\'ea \'e4\'ee\'eb\'e3\'e0 \endash  \'e2 \'ef\'ee\'f1\'eb\'e5\'e4\'ed\'e8\'e5 7 \'e4\'ed\'e5\'e9 \'f1\'f0\'ee\'ea\'e0 \'e4\'e5\'e9\'f1\'f2\'e2\'e8\'ff</w:t>
      </w:r>
      <w:r w:rsidRPr="00651F56">
        <w:rPr>
          <w:rFonts w:ascii="Courier New" w:hAnsi="Courier New" w:cs="Courier New"/>
        </w:rPr>
        <w:t xml:space="preserve"> \'ca\'f0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8\'f2\'ed\'ee\'e3\'ee \'f1\'ee\'e3\'eb\'e0\'f8\'e5\'ed\'e8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\'e5\'ec\'f9\'e8\'ea \'ee\'e1\'ff\'e7\'f3\'e5\'f2\'f1\'ff \'ef\'f0\'ee\'e8\'e7\'e2\'e5\'f1\'f2\'e8 \'ef\'ee\'e3\'e0\'f8\'e5\'ed\'e8\'e5 (\'e2\'ee\'e7\'e2\'f</w:t>
      </w:r>
      <w:r w:rsidRPr="00651F56">
        <w:rPr>
          <w:rFonts w:ascii="Courier New" w:hAnsi="Courier New" w:cs="Courier New"/>
        </w:rPr>
        <w:t>0\'e0\'f2) \'ea\'f0\'e5\'e4\'e8\'f2\'ee\'e2 \'e2 \'e4\'e0\'f2\'f3, \'ed\'e0\'f1\'f2\'f3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fe\'f9\'f3\'fe \'f7\'e5\'f0\'e5\'e7 2555 \'ea\'e0\'eb\'e5\'ed\'e4\'e0\'f0\'ed\'fb\'f5 \'e4\'ed\'e5\'e9 \'f1 \'e4\'e0\'f2\'fb \'e2\'f1\'f2\'f3\'ef\'eb\'e5\'ed</w:t>
      </w:r>
      <w:r w:rsidRPr="00651F56">
        <w:rPr>
          <w:rFonts w:ascii="Courier New" w:hAnsi="Courier New" w:cs="Courier New"/>
        </w:rPr>
        <w:t>\'e8\'ff \'e2 \'f1\'e8\'eb\'f3 \'d1\'ee\'e3\'eb\'e0\'f8\'e5\'ed\'e8\'ff \'e2 \'ef\'ee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c \'f0\'e0\'e7\'ec\'e5\'f0\'e5 \'e2 \'f1\'ee\'ee\'f2\'e2\'e5\'f2\'f1\'f2\'e2\'e8\'e8 \'f1 \'c3\'f0\'e0\'f4\'e8\'ea\'ee\'ec \'ef\'ee\'e3\'e0\'f8\'e5\'ed\'e</w:t>
      </w:r>
      <w:r w:rsidRPr="00651F56">
        <w:rPr>
          <w:rFonts w:ascii="Courier New" w:hAnsi="Courier New" w:cs="Courier New"/>
        </w:rPr>
        <w:t>8\'ff (\'e2\'ee\'e7\'e2\'f0\'e0\'f2\'e0) \'ca\'f0\'e5\'e4\'e8\'f2\'ee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319\ri0\widctlpar\tx319\wrapdefault\hyphpar0\aspalpha\faroman\adjustright\rin0\lin319\itap0\pararsid8990346 \rtlch\fcs1 \af0\afs24\alang1025 \lt</w:t>
      </w:r>
      <w:r w:rsidRPr="00651F56">
        <w:rPr>
          <w:rFonts w:ascii="Courier New" w:hAnsi="Courier New" w:cs="Courier New"/>
        </w:rPr>
        <w:t>rch\fcs0 \f1\fs20\lang1049\langfe1049\cgrid\langn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b\af0\afs22 \ltrch\fcs0 \b\f0\fs22\insrsid8990346\charrsid8990346      \'d6\'e5\'eb\'e5\'e2\'ee\'e5 \'ed\'e0\'e7\'ed\'e0\'f7\'e5\'ed\'e8\'e5:}{\rtlch\fcs1 \af0\afs22 \ltrc</w:t>
      </w:r>
      <w:r w:rsidRPr="00651F56">
        <w:rPr>
          <w:rFonts w:ascii="Courier New" w:hAnsi="Courier New" w:cs="Courier New"/>
        </w:rPr>
        <w:t xml:space="preserve">h\fcs0 \f0\fs22\insrsid8990346\charrsid8990346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43\qj \li1039\ri0\widctlpar\tx319\wrapdefault\hyphpar0\aspalpha\faroman\adjustright\rin0\lin1039\itap0\pararsid8990346 {\rtlch\fcs1 \af0\afs22 \ltrch\fcs0 \f0\fs22\insrsid8990346\charrs</w:t>
      </w:r>
      <w:r w:rsidRPr="00651F56">
        <w:rPr>
          <w:rFonts w:ascii="Courier New" w:hAnsi="Courier New" w:cs="Courier New"/>
        </w:rPr>
        <w:t>id8990346 \'cf\'f0\'e8\'ee\'e1\'f0\'e5\'f2\'e5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, \'f0\'e5\'ec\'ee\'ed\'f2, \'ec\'ee\'e4\'e5\'f0\'ed\'e8\'e7\'e0\'f6\'e8\'ff \'ee\'f1\'ed\'ee\'e2\'ed\'fb\'f5 \'f1\'f0\'e5\'e4\'f1\'f2\'e2 (\'e2\'ea\'eb\'fe\'f7\'e0\'ff \'ed\'e5\'e4\'e2\'e8\'e6\'e</w:t>
      </w:r>
      <w:r w:rsidRPr="00651F56">
        <w:rPr>
          <w:rFonts w:ascii="Courier New" w:hAnsi="Courier New" w:cs="Courier New"/>
        </w:rPr>
        <w:t>8\'ec\'ee\'e5 \'e8\'ec\'f3\'f9\'e5\'f1\'f2\'e2\'ee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4\'e8\'ed\'e0\'ed\'f1\'e8\'f0\'ee\'e2\'e0\'ed\'e8\'e5 \'f1\'f2\'f0\'ee\'e8\'f2\'e5\'eb\'fc\'f1\'f2\'e2\'e0 (\'f0\'e5\'ea\'ee\'ed\'f1\'f2\'f0\'f3\'ea\'f6\'e8\'e8) \'ed\'e5\'e4\'e2\'e8\'e6\'e8\'</w:t>
      </w:r>
      <w:r w:rsidRPr="00651F56">
        <w:rPr>
          <w:rFonts w:ascii="Courier New" w:hAnsi="Courier New" w:cs="Courier New"/>
        </w:rPr>
        <w:t>ec\'ee\'f1\'f2\'e8 \'e4\'eb\'ff \'ee\'f1\'f3\'f9\'e5\'f1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2\'eb\'e5\'ed\'e8\'ff \'e4\'e5\'ff\'f2\'e5\'eb\'fc\'ed\'ee\'f1\'f2\'e8 \'e2 \'f2.\'f7.: \'ee\'ef\'eb\'e0\'f2\'e0 \'e8\'ed\'e6\'e5\'ed\'e5\'f0\'ed\'fb\'f5 \'e8\'e7\'fb\'f1\'ea\'e0\'ed\'e8\'e9 </w:t>
      </w:r>
      <w:r w:rsidRPr="00651F56">
        <w:rPr>
          <w:rFonts w:ascii="Courier New" w:hAnsi="Courier New" w:cs="Courier New"/>
        </w:rPr>
        <w:t>\'e8 \'ef\'f0\'ee\'e5\'ea\'f2\'ed\'ee\'e9 \'e4\'ee\'ea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'e5\'ed\'f2\'e0\'f6\'e8\'e8, \'ee\'ef\'eb\'e0\'f2\'e0 \'f0\'e0\'e1\'ee\'f2 \'e8 \'f3\'f1\'eb\'f3\'e3, \'ee\'ef\'eb\'e0\'f2\'e0 \'f1\'f2\'f0\'ee\'e8\'f2\'e5\'eb\'fc\'ed\'ee-\'ec\'ee\'ed\'f2\'e</w:t>
      </w:r>
      <w:r w:rsidRPr="00651F56">
        <w:rPr>
          <w:rFonts w:ascii="Courier New" w:hAnsi="Courier New" w:cs="Courier New"/>
        </w:rPr>
        <w:t>0\'e6\'ed\'fb\'f5 \'f0\'e0\'e1\'ee\'f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4\'e8\'ed\'e0\'ed\'f1\'e8\'f0\'ee\'e2\'e0\'ed\'e8\'e5 \'e7\'e0\'f2\'f0\'e0\'f2, \'f1\'e2\'ff\'e7\'e0\'ed\'ed\'fb\'f5 \'f1 \'ef\'f0\'e8\'ee\'e1\'f0\'e5\'f2\'e5\'ed\'e8\'e5\'ec \'ed\'e5\'e4\'e2\'e8\'e6\'e8\'ec</w:t>
      </w:r>
      <w:r w:rsidRPr="00651F56">
        <w:rPr>
          <w:rFonts w:ascii="Courier New" w:hAnsi="Courier New" w:cs="Courier New"/>
        </w:rPr>
        <w:t>\'ee\'f1\'f2\'e8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fi708\li0\ri0\nowidctlpar\wrapdefault\aspalpha\aspnum\faauto\adjustright\rin0\lin0\itap0\pararsid8990346 \rtlch\fcs1 \af0\afs20\alang1025 \ltrch\fcs0 \fs20\lang1049\langfe1049\cgrid\langnp1049\langfenp1049 {</w:t>
      </w:r>
      <w:r w:rsidRPr="00651F56">
        <w:rPr>
          <w:rFonts w:ascii="Courier New" w:hAnsi="Courier New" w:cs="Courier New"/>
        </w:rPr>
        <w:t xml:space="preserve">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ai\af0\afs22 \ltrch\fcs0 \b\fs22\insrsid8990346\charrsid8990346 \'ce\'e1\'e5\'f1\'ef\'e5\'f7\'e5\'ed\'e8\'e5: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34\ri0\widctlpar\wrapdefault\aspalpha\aspnum\faauto\adjustright\rin0\lin34\itap0\pararsid8990</w:t>
      </w:r>
      <w:r w:rsidRPr="00651F56">
        <w:rPr>
          <w:rFonts w:ascii="Courier New" w:hAnsi="Courier New" w:cs="Courier New"/>
        </w:rPr>
        <w:t xml:space="preserve">346 \rtlch\fcs1 \af0\afs24\alang1025 \ltrch\fcs0 \f1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i\af0\afs22 \ltrch\fcs0 \f0\fs22\insrsid8990346\charrsid8990346 \'ef\'ee\'f0\'f3\'f7\'e8\'f2\'e5\'eb\'fc\'f1\'f2\'e2\'ee \'f2\'f0\'</w:t>
      </w:r>
      <w:r w:rsidRPr="00651F56">
        <w:rPr>
          <w:rFonts w:ascii="Courier New" w:hAnsi="Courier New" w:cs="Courier New"/>
        </w:rPr>
        <w:t xml:space="preserve">e5\'f2\'fc\'e8\'f5 \'eb\'e8\'f6:}{\rtlch\fcs1 \af0\afs22 \ltrch\fcs0 \f0\fs22\insrsid8990346\charrsid8990346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8990346\charrsid8990346 \hich\af0\dbch\af0\loch\f0 -\tab}</w:t>
      </w:r>
      <w:r w:rsidRPr="00651F56">
        <w:rPr>
          <w:rFonts w:ascii="Courier New" w:hAnsi="Courier New" w:cs="Courier New"/>
        </w:rPr>
        <w:t>}\pard \ltrpar\s43\qj \fi-283\li317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x317\wrapdefault\aspalpha\aspnum\faauto\ls41\adjustright\rin0\lin317\itap0\pararsid8990346 {\rtlch\fcs1 \af0\afs22 \ltrch\fcs0 \f0\fs22\insrsid8990346\charrsid8990346 \'ce\'ce\'ce \'ab\'c4\'e0\'eb\'fc\'d</w:t>
      </w:r>
      <w:r w:rsidRPr="00651F56">
        <w:rPr>
          <w:rFonts w:ascii="Courier New" w:hAnsi="Courier New" w:cs="Courier New"/>
        </w:rPr>
        <w:t>0\'fb\'e1\'cf\'ee\'f0\'f2\'bb 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2537047582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8990346\charrsid8990346 \hich\af0\dbch\af0\loch\f0 -\tab}\'c0\'ce \'ab\'c4\'e0\'eb\'fc\'ea\'ee\'ec\'f5\'ee\'e</w:t>
      </w:r>
      <w:r w:rsidRPr="00651F56">
        <w:rPr>
          <w:rFonts w:ascii="Courier New" w:hAnsi="Courier New" w:cs="Courier New"/>
        </w:rPr>
        <w:t>b\'ee\'e4\'bb  (\'c8\'cd\'cd 2537003955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8990346\charrsid8990346 \hich\af0\dbch\af0\loch\f0 -\tab}\'d0\'fb\'e1\'ee\'eb\'ee\'e2\'e5\'f6\'ea\'e8\'e9 \'ea\'ee\'eb\'f5\'ee</w:t>
      </w:r>
      <w:r w:rsidRPr="00651F56">
        <w:rPr>
          <w:rFonts w:ascii="Courier New" w:hAnsi="Courier New" w:cs="Courier New"/>
        </w:rPr>
        <w:t>\'e7 \'ab\'ce\'e3\'ed\'e8 \'c2\'ee\'f1\'f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0\'bb (\'c8\'cd\'cd 2528004952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8990346\charrsid8990346 \hich\af0\dbch\af0\loch\f0 -\tab}\'ce\'ce\'ce \'ab\'c0\'</w:t>
      </w:r>
      <w:r w:rsidRPr="00651F56">
        <w:rPr>
          <w:rFonts w:ascii="Courier New" w:hAnsi="Courier New" w:cs="Courier New"/>
        </w:rPr>
        <w:t>ea\'e2\'e0-\'d0\'e5\'f1\'f3\'f0\'f1\'fb\'bb (\'c8\'cd\'cd 253705259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8990346\charrsid8990346 \hich\af0\dbch\af0\loch\f0 -\tab}\'ce\'ce\'ce \'ab\'cc\'e0\'e3\'e8\'f1\'f</w:t>
      </w:r>
      <w:r w:rsidRPr="00651F56">
        <w:rPr>
          <w:rFonts w:ascii="Courier New" w:hAnsi="Courier New" w:cs="Courier New"/>
        </w:rPr>
        <w:t>2\'f0\'e0\'eb\'fc-\'c4\'c2\'bb (\'c8\'cd\'cd 254007789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8990346\charrsid8990346 \hich\af0\dbch\af0\loch\f0 -\tab}\'ce\'ce\'ce \'ab\'c4\'e0\'eb\'fc\'ed\'e5\'e2\'ee\'f1</w:t>
      </w:r>
      <w:r w:rsidRPr="00651F56">
        <w:rPr>
          <w:rFonts w:ascii="Courier New" w:hAnsi="Courier New" w:cs="Courier New"/>
        </w:rPr>
        <w:t>\'f2\'ee\'f7\'ed\'e0\'ff \'f2\'f0\'e0\'ed\'f1\'ef\'ee\'f0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0\'ff \'ea\'ee\'ec\'ef\'e0\'ed\'e8\'ff\'bb (\'c8\'cd\'cd 253708931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8990346\charrsid8990346 \hic</w:t>
      </w:r>
      <w:r w:rsidRPr="00651F56">
        <w:rPr>
          <w:rFonts w:ascii="Courier New" w:hAnsi="Courier New" w:cs="Courier New"/>
        </w:rPr>
        <w:t>h\af0\dbch\af0\loch\f0 -\tab}\'ce\'ce\'ce \'ab\'d2\'e8\'f5\'ee\'ee\'ea\'e5\'e0\'ed\'f1\'ea\'e8\'e9 \'e1\'e0\'eb\'ea\'e5\'f0\'ed\'fb\'e9 \'f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c\'e8\'ed\'e0\'eb\'bb (\'c8\'cd\'cd 2537131611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</w:t>
      </w:r>
      <w:r w:rsidRPr="00651F56">
        <w:rPr>
          <w:rFonts w:ascii="Courier New" w:hAnsi="Courier New" w:cs="Courier New"/>
        </w:rPr>
        <w:t>f0\afs22 \ltrch\fcs0 \fs22\insrsid8990346\charrsid8990346 \hich\af0\dbch\af0\loch\f0 -\tab}\'c0\'ce \'ab\'d2\'e5\'f0\'ec\'e8\'ed\'e0\'eb \'c0\'f1\'f2\'e0\'f4\'fc\'e5\'e2\'e0\'bb (\'c8\'cd\'cd 2508129784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</w:t>
      </w:r>
      <w:r w:rsidRPr="00651F56">
        <w:rPr>
          <w:rFonts w:ascii="Courier New" w:hAnsi="Courier New" w:cs="Courier New"/>
        </w:rPr>
        <w:t>s1 \af0\afs22 \ltrch\fcs0 \fs22\insrsid8990346\charrsid8990346 \hich\af0\dbch\af0\loch\f0 -\tab}\'ce\'ce\'ce \'ab\'c1\'e5\'f0\'e5\'e3\'e0 \'cf\'f0\'e8\'ec\'ee\'f0\'fc\'ff\'bb (\'c8\'cd\'cd 2537082386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</w:t>
      </w:r>
      <w:r w:rsidRPr="00651F56">
        <w:rPr>
          <w:rFonts w:ascii="Courier New" w:hAnsi="Courier New" w:cs="Courier New"/>
        </w:rPr>
        <w:t>f0\afs22 \ltrch\fcs0 \fs22\insrsid8990346\charrsid8990346 \hich\af0\dbch\af0\loch\f0 -\tab}\'ce\'ce\'ce \'ab\'c0\'ea\'e2\'e0\'e8\'ed\'e4\'f3\'f1\'f2\'f0\'e8\'ff\'bb (\'c8\'cd\'cd 2537067613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43\qj \li0\ri0\widctlpar\tx350\wrapdefault</w:t>
      </w:r>
      <w:r w:rsidRPr="00651F56">
        <w:rPr>
          <w:rFonts w:ascii="Courier New" w:hAnsi="Courier New" w:cs="Courier New"/>
        </w:rPr>
        <w:t>\aspalpha\aspnum\faauto\adjustright\rin0\lin0\itap0\pararsid8990346 {\rtlch\fcs1 \af0\afs22 \ltrch\fcs0 \f0\fs22\insrsid8990346\charrsid8990346 -   \'ca\'ee\'ed\'e4\'f0\'e0\'f2\'ee\'e2 \'d0\'f3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b\'e0\'ed \'c2\'e8\'ea\'f2\'ee\'f0\'ee\'e2\'e8\'f7;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\pard\plain \ltrpar\s54\qj \li0\ri0\nowidctlpar\wrapdefault\faauto\rin0\lin0\itap0\pararsid8990346 \rtlch\fcs1 \af1\afs24\alang1025 \ltrch\fcs0 \f1\fs24\cf1\lang1049\langfe1049\cgrid\langnp1049\langfenp1049 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0\f</w:t>
      </w:r>
      <w:r w:rsidRPr="00651F56">
        <w:rPr>
          <w:rFonts w:ascii="Courier New" w:hAnsi="Courier New" w:cs="Courier New"/>
        </w:rPr>
        <w:t xml:space="preserve">s22\cf0\insrsid8990346\charrsid8990346 \'c2\'e8\'e4 \'ee\'f2\'e2\'e5\'f2\'f1\'f2\'e2\'e5\'ed\'ed\'ee\'f1\'f2\'e8 \'ef\'ee\'f0\'f3\'f7\'e8\'f2\'e5\'eb\'ff: \'f1\'ee\'eb\'e8\'e4\'e0\'f0\'ed\'e0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0\'e0\'e7\'ec\'e5\'f0 \'ee\'f2\'e2\'e5\'f2\'f1\'f2</w:t>
      </w:r>
      <w:r w:rsidRPr="00651F56">
        <w:rPr>
          <w:rFonts w:ascii="Courier New" w:hAnsi="Courier New" w:cs="Courier New"/>
        </w:rPr>
        <w:t>\'e2\'e5\'ed\'ed\'ee\'f1\'f2\'e8 \'ef\'ee\'f0\'f3\'f7\'e8\'f2\'e5\'eb\'ff: \'ed\'e0 \'e2\'f1\'fe \'f1\'f3\'ec\'ec\'f3 \'ee\'e1\'ff\'e7\'e0\'f2\'e5\'eb\'fc\'f1\'f2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widctlpar\tx350\wrapdefault\aspalpha\aspnum\f</w:t>
      </w:r>
      <w:r w:rsidRPr="00651F56">
        <w:rPr>
          <w:rFonts w:ascii="Courier New" w:hAnsi="Courier New" w:cs="Courier New"/>
        </w:rPr>
        <w:t xml:space="preserve">aauto\adjustright\rin0\lin0\itap0\pararsid8990346 \rtlch\fcs1 \af0\afs24\alang1025 \ltrch\fcs0 \f1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0\fs22\insrsid8990346\charrsid8990346 \'c7\'e0\'eb\'ee\'e3 \'e</w:t>
      </w:r>
      <w:r w:rsidRPr="00651F56">
        <w:rPr>
          <w:rFonts w:ascii="Courier New" w:hAnsi="Courier New" w:cs="Courier New"/>
        </w:rPr>
        <w:t>4\'e2\'e8\'e6\'e8\'ec\'ee\'e3\'ee \'e8\'ec\'f3\'f9\'e5\'f1\'f2\'e2\'e0 (\'f1\'ef\'e5\'f6\'f2\'e5\'f5\'ed\'e8\'ea\'e8, \'ee\'e1\'ee\'f0\'f3\'e4\'ee\'e2\'e0\'ed\'e8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), \'ef\'f0\'e8\'ed\'e0\'e4\'eb\'e5\'e6\'e0\'f9\'e5\'e3\'ee \'c0\'ce \'ab\'d2\'e5\'f0\'e</w:t>
      </w:r>
      <w:r w:rsidRPr="00651F56">
        <w:rPr>
          <w:rFonts w:ascii="Courier New" w:hAnsi="Courier New" w:cs="Courier New"/>
        </w:rPr>
        <w:t>c\'e8\'ed\'e0\'eb \'c0\'f1\'f2\'e0\'f4\'fc\'e5\'e2\'e0\'bb \'e2 \'f1\'ee\'ee\'f2\'e2\'e5\'f2\'f1\'f2\'e2\'e8\'e8 \'f1 \'e4\'ee\'e3\'ee\'e2\'ee\'f0\'ee\'ec \'ee 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b\'ee\'e3\'e5, \'ea\'ee\'f2\'ee\'f0\'fb\'e9 \'ef\'ee\'e4\'eb\'e5\'e6\'e8\'f2 \'e7\'</w:t>
      </w:r>
      <w:r w:rsidRPr="00651F56">
        <w:rPr>
          <w:rFonts w:ascii="Courier New" w:hAnsi="Courier New" w:cs="Courier New"/>
        </w:rPr>
        <w:t>e0\'ea\'eb\'fe\'f7\'e5\'ed\'e8\'fe \'ec\'e5\'e6\'e4\'f3 \'ca\'f0\'e5\'e4\'e8\'f2\'ee\'f0\'ee\'ec \'e8 \'c7\'e0\'e5\'ec\'f9\'e8\'ea\'ee\'ec \'ef\'ee \'f4\'ee\'f0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, \'ef\'f0\'e5\'e4\'eb\'ee\'e6\'e5\'ed\'ed\'ee\'e9 \'ca\'f0\'e5\'e4\'e8\'f2\'ee\'f0\'e</w:t>
      </w:r>
      <w:r w:rsidRPr="00651F56">
        <w:rPr>
          <w:rFonts w:ascii="Courier New" w:hAnsi="Courier New" w:cs="Courier New"/>
        </w:rPr>
        <w:t>e\'ec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60\qj \li-57\ri-57\nowidctlpar\wrapdefault\aspalpha\aspnum\faauto\adjustright\rin-57\lin-57\itap0\pararsid8990346 \rtlch\fcs1 \af0\afs24\alang1025 \ltrch\fcs0 \f1\fs20\lang1049\langfe1049\cgrid\langnp1049\langfenp1049 {\r</w:t>
      </w:r>
      <w:r w:rsidRPr="00651F56">
        <w:rPr>
          <w:rFonts w:ascii="Courier New" w:hAnsi="Courier New" w:cs="Courier New"/>
        </w:rPr>
        <w:t xml:space="preserve">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0\afs22 \ltrch\fcs0 \b\f0\fs22\insrsid8990346\charrsid8990346 \'cf\'f0\'ee\'f6\'e5\'ed\'f2\'ed\'e0\'ff \'f1\'f2\'e0\'e2\'ea\'e0}{\rtlch\fcs1 \ab\af0\afs22 \ltrch\fcs0 \f0\fs22\insrsid8990346\charrsid8990346 : }{\rtlch\fcs1 \af0\afs22 \ltr</w:t>
      </w:r>
      <w:r w:rsidRPr="00651F56">
        <w:rPr>
          <w:rFonts w:ascii="Courier New" w:hAnsi="Courier New" w:cs="Courier New"/>
        </w:rPr>
        <w:t xml:space="preserve">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s22\lang1049\langfe1033\loch\af0\hich\af0\dbch\af39\langfenp1033\insrsid8990346\charrsid899034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9\qj \li-57\ri-57\widctlpar\wrapdefault\aspalpha\aspnum\faauto\adjustright\rin-57\lin-57\itap0\pararsid8990346 \rtlch\</w:t>
      </w:r>
      <w:r w:rsidRPr="00651F56">
        <w:rPr>
          <w:rFonts w:ascii="Courier New" w:hAnsi="Courier New" w:cs="Courier New"/>
        </w:rPr>
        <w:t xml:space="preserve">fcs1 \af0\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0\lang1049\langfe1049\loch\af39\hich\af39\dbch\af39\cgrid\langnp1049\langfenp1049 {\rtlch\fcs1 \ai\af0\afs22 \ltrch\fcs0 \b\f0\fs22\insrsid8990346\charrsid8990346 \'cb\'fc\'e3\'ee\'f2\'ed\'e0\'ff \'ef\'f0\'ee\'f6</w:t>
      </w:r>
      <w:r w:rsidRPr="00651F56">
        <w:rPr>
          <w:rFonts w:ascii="Courier New" w:hAnsi="Courier New" w:cs="Courier New"/>
        </w:rPr>
        <w:t>\'e5\'ed\'f2\'ed\'e0\'ff \'f1\'f2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a\'e0}{\rtlch\fcs1 \ab\af0\afs22 \ltrch\fcs0 \b\f0\fs22\insrsid8990346\charrsid8990346 \hich\af0\dbch\af39\loch\f0 : 6,7}{\rtlch\fcs1 \ab\af0\afs22 \ltrch\fcs0 \f0\fs22\insrsid8990346\charrsid8990346 \hich\af0\</w:t>
      </w:r>
      <w:r w:rsidRPr="00651F56">
        <w:rPr>
          <w:rFonts w:ascii="Courier New" w:hAnsi="Courier New" w:cs="Courier New"/>
        </w:rPr>
        <w:t>dbch\af39\loch\f0 \hich\f0 % \'e3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e\'e2\'fb\'f5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b\f0\fs22\insrsid8990346\charrsid8990346 \loch\af0\dbch\af39\hich\f0 \'cf\'f0\'ee}{\rtlch\fcs1 \ai\af0\afs22 \ltrch\fcs0 \b\f0\fs22\insrsid8990346\char</w:t>
      </w:r>
      <w:r w:rsidRPr="00651F56">
        <w:rPr>
          <w:rFonts w:ascii="Courier New" w:hAnsi="Courier New" w:cs="Courier New"/>
        </w:rPr>
        <w:t>rsid8990346 \loch\af0\dbch\af39\hich\f0 \'e3\'f0\'e0\'ec\'ec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 1764}{\rtlch\fcs1 \af0\afs22 \ltrch\fcs0 \f0\fs22\cgrid0\insrsid8990346\charrsid8990346 \hich\af0\dbch\af39\loch\f0  \hich\f0 \endash \loch\f0  }{\rtlch\fcs1 \af0\afs22 \ltrch\fcs0</w:t>
      </w:r>
      <w:r w:rsidRPr="00651F56">
        <w:rPr>
          <w:rFonts w:ascii="Courier New" w:hAnsi="Courier New" w:cs="Courier New"/>
        </w:rPr>
        <w:t xml:space="preserve"> \f0\fs22\insrsid8990346\charrsid899034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af0\dbch\af39\hich\f0 \'cf\'f0\'e0\'e2\'e8\'eb\'e0\loch\f0 \hich\f0  \'ef\'f0\'e5\'e4\'ee\'f1\'f2\'e0\'e2\'eb\'e5\'ed\'e8\'ff\loch\f0 \hich\f0  \'f1\'f3\'e1\'f1\'e8\'e4\'e8\'e9\loch\f0 \hich\f0  \'e8\'e7\loc</w:t>
      </w:r>
      <w:r w:rsidRPr="00651F56">
        <w:rPr>
          <w:rFonts w:ascii="Courier New" w:hAnsi="Courier New" w:cs="Courier New"/>
        </w:rPr>
        <w:t>h\f0 \hich\f0  \'f4\'e5\'e4\'e5\'f0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c\'ed\'ee\'e3\'ee\loch\f0 \hich\f0  \'e1\'fe\'e4\'e6\'e5\'f2\'e0\loch\f0 \hich\f0  \'f0\'ee\'f1\'f1\'e8\'e9\'f1\'ea\'e8\'ec\loch\f0 \hich\f0  \'ea\'f0\'e5\'e4\'e8\'f2\'ed\'fb\'ec\loch\f0 \hich\f0  \'ee\'f0\'e</w:t>
      </w:r>
      <w:r w:rsidRPr="00651F56">
        <w:rPr>
          <w:rFonts w:ascii="Courier New" w:hAnsi="Courier New" w:cs="Courier New"/>
        </w:rPr>
        <w:t>3\'e0\'ed\'e8\'e7\'e0\'f6\'e8\'ff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8\loch\f0 \hich\f0  \'f1\'ef\'e5\'f6\'e8\loch\af0\dbch\af39\hich\f0 \'e0\'eb\'e8\'e7\'e8\'f0\'ee\'e2\'e0\'ed\'ed\'fb\'ec\loch\f0 \hich\f0  \'f4\'e8\'ed\'e0\'ed\'f1\'ee\'e2\'fb\'ec\loch\f0 \hich\f</w:t>
      </w:r>
      <w:r w:rsidRPr="00651F56">
        <w:rPr>
          <w:rFonts w:ascii="Courier New" w:hAnsi="Courier New" w:cs="Courier New"/>
        </w:rPr>
        <w:t>0  \'ee\'e1\'f9\'e5\'f1\'f2\'e2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loch\f0 \hich\f0  \'ed\'e0\loch\f0 \hich\f0  \'e2\'ee\'e7\'ec\'e5\'f9\'e5\'ed\'e8\'e5\loch\f0 \hich\f0  \'ed\'e5\'e4\'ee\'ef\'ee\'eb\'f3\'f7\'e5\'ed\'ed\'fb\'f5\loch\f0 \hich\f0  \'e8\'ec\'e8\loch\f0 \hich\f0  \'e4</w:t>
      </w:r>
      <w:r w:rsidRPr="00651F56">
        <w:rPr>
          <w:rFonts w:ascii="Courier New" w:hAnsi="Courier New" w:cs="Courier New"/>
        </w:rPr>
        <w:t xml:space="preserve">\'ee\'f5\'ee\'e4\'ee\'e2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f\'ee\loch\f0 \hich\f0  \'ea\'f0\'e5\'e4\'e8\'f2\'e0\'ec\loch\f0 \hich\f0 , \'e2\'fb\'e4\'e0\'ed\'ed\'fb\'ec\loch\f0 \hich\f0  \'e2\loch\f0 \hich\f0  2019 - 2024 \'e3\'ee\'e4\'e0\'f5\loch\f0 \hich\f0  \'f1\'f</w:t>
      </w:r>
      <w:r w:rsidRPr="00651F56">
        <w:rPr>
          <w:rFonts w:ascii="Courier New" w:hAnsi="Courier New" w:cs="Courier New"/>
        </w:rPr>
        <w:t>3\'e1\'fa\'e5\'ea\'f2\'e0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c\'e0\'eb\'ee\'e3\'ee\loch\f0 \hich\f0  \'e8\loch\f0 \hich\f0  \'f1\'f0\'e5\'e4\'ed\'e5\'e3\'ee\loch\f0 \hich\f0  \'ef\'f0\'e5\'e4\'ef\'f0\'e8\'ed\'e8\'ec\'e0\'f2\'e5\'eb\'fc\'f1\'f2\'e2\'e0\loch\f0 \hic</w:t>
      </w:r>
      <w:r w:rsidRPr="00651F56">
        <w:rPr>
          <w:rFonts w:ascii="Courier New" w:hAnsi="Courier New" w:cs="Courier New"/>
        </w:rPr>
        <w:t xml:space="preserve">h\f0 , \'e0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0\'ea\'e6\'e5\loch\f0 \hich\f0  \'f4\'e8\'e7\'e8\'f7\'e5\'f1\'ea\'e8\'ec\loch\f0 \hich\f0  \'eb\'e8\'f6\'e0\'ec\loch\f0 \hich\f0 , \'ef\'f0\'e8\'ec\'e5\'ed\'ff\'fe\'f9\'e8\'ec\loch\f0 \hich\f0  \'f1\'ef\'e5\'f6\'e8\'e</w:t>
      </w:r>
      <w:r w:rsidRPr="00651F56">
        <w:rPr>
          <w:rFonts w:ascii="Courier New" w:hAnsi="Courier New" w:cs="Courier New"/>
        </w:rPr>
        <w:t xml:space="preserve">0\'eb\'fc\'ed\'fb\'e9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d\'e0\'eb\'ee\'e3\'ee\'e2\'fb\'e9\loch\f0 \hich\f0  \'f0\'e5\'e6\'e8\'ec\loch\f0 \hich\f0  \'ab\'cd\'e0\'eb\'ee\'e3\loch\f0 \hich\f0  \'ed\'e0\loch\f0 \hich\f0  \'ef\'f0\'ee\'f4\'e5\'f1\'f1\'e8\'ee\'ed\'e0\'eb\l</w:t>
      </w:r>
      <w:r w:rsidRPr="00651F56">
        <w:rPr>
          <w:rFonts w:ascii="Courier New" w:hAnsi="Courier New" w:cs="Courier New"/>
        </w:rPr>
        <w:t>och\af0\dbch\af39\hich\f0 \'f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af0\dbch\af39\hich\f0 \'ed\'fb\'e9\loch\f0 \hich\f0  \'e4\'ee\'f5\'ee\'e4\'bb\loch\f0 \hich\f0 , \'ef\'ee\loch\f0 \hich\f0  \'eb\'fc\'e3\'ee\'f2\'ed\'ee\'e9\loch\f0 \hich\f0  \'f1\'f2\'e0\'e2\'ea\'e5\loch\f0 \hich\f0 ,</w:t>
      </w:r>
      <w:r w:rsidRPr="00651F56">
        <w:rPr>
          <w:rFonts w:ascii="Courier New" w:hAnsi="Courier New" w:cs="Courier New"/>
        </w:rPr>
        <w:t xml:space="preserve"> \'f3\'f2\'e2\'e5\'f0\'e6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5\'ed\'ed\'fb\'e5\loch\f0 \hich\f0  \'cf\'ee\'f1\'f2\'e0\'ed\'ee\'e2\'eb\'e5\'ed\'e8\'e5\'ec\loch\f0 \hich\f0  \'cf\'f0\'e0\'e2\'e8\'f2\'e5\'eb\'fc\'f1\'f2\'e2\'e0\loch\f0 \hich\f0  \'d0\'d4\loch\f0 \hich\f0  \'b9\loch\f0 </w:t>
      </w:r>
      <w:r w:rsidRPr="00651F56">
        <w:rPr>
          <w:rFonts w:ascii="Courier New" w:hAnsi="Courier New" w:cs="Courier New"/>
        </w:rPr>
        <w:t>\hich\f0 1764 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30.12.2018 \'e3\loch\f0 \hich\f0 ., \'f1\loch\f0 \hich\f0  \'f3\'f7\'e5\'f2\'ee\'ec\loch\f0 \hich\f0  \'ef\'ee\'f1\'eb\'e5\'e4\'f3\'fe\'f9\'e8\'f5\loch\f0 \hich\f0  \'e8\'e7\'ec\'e5\'ed\'e5\'ed\'e8\'e9\loch\f0 \hi</w:t>
      </w:r>
      <w:r w:rsidRPr="00651F56">
        <w:rPr>
          <w:rFonts w:ascii="Courier New" w:hAnsi="Courier New" w:cs="Courier New"/>
        </w:rPr>
        <w:t>ch\f0  (\'e4\'e0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5\loch\f0 \hich\f0  \'cf\'f0\'ee\'e3\'f0\'e0\'ec\'ec\'e0\loch\f0  1764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30 \rtlch\fcs1 \af0\afs22 \ltrch\fcs0 \f3\fs22\insrsid8990346\charrsid8990346 \loch\af3\dbch\af0\hich\f3 \'b7\tab}}\p</w:t>
      </w:r>
      <w:r w:rsidRPr="00651F56">
        <w:rPr>
          <w:rFonts w:ascii="Courier New" w:hAnsi="Courier New" w:cs="Courier New"/>
        </w:rPr>
        <w:t>ard\plain \ltr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30\ql \fi-360\li720\ri0\widctlpar\wrapdefault\aspalpha\aspnum\faauto\ls47\adjustright\rin0\lin720\itap0\pararsid8990346 \rtlch\fcs1 \af0\afs20\alang1025 \ltrch\fcs0 \fs22\lang1049\langfe1049\cgrid\langnp1049\langfenp1049 {\rtlch\fcs1 \</w:t>
      </w:r>
      <w:r w:rsidRPr="00651F56">
        <w:rPr>
          <w:rFonts w:ascii="Courier New" w:hAnsi="Courier New" w:cs="Courier New"/>
        </w:rPr>
        <w:t xml:space="preserve">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insrsid8990346\charrsid8990346 \'c1\'e0\'ed\'ea \'e2\'ef\'f0\'e0\'e2\'e5 \'e2 \'ee\'e4\'ed\'ee\'f1\'f2\'ee\'f0\'ee\'ed\'ed\'e5\'ec \'ef\'ee\'f0\'ff\'e4\'ea\'e5 \'f3\'e2\'e5\'eb\'e8\'f7\'e8\'f2\'fc \'f0\'e0\'e7\'ec\'e5\'f0 \'cb\'fc\</w:t>
      </w:r>
      <w:r w:rsidRPr="00651F56">
        <w:rPr>
          <w:rFonts w:ascii="Courier New" w:hAnsi="Courier New" w:cs="Courier New"/>
        </w:rPr>
        <w:t>'e3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9 \'ef\'f0\'ee\'f6\'e5\'ed\'f2\'ed\'ee\'e9 \'f1\'f2\'e0\'e2\'ea\'e8 \'e4\'ee \'f3\'f0\'ee\'e2\'ed\'ff  9% (\'c4\'e5\'e2\'ff\'f2\'fc) \'e3\'ee\'e4\'ee\'e2\'fb\'f5 \'e2 \'f1\'eb\'f3\'f7\'e0\'e5 \'e2\'fb\'ff\'e2\'eb\'e5\'ed\'e8\'ff \'e</w:t>
      </w:r>
      <w:r w:rsidRPr="00651F56">
        <w:rPr>
          <w:rFonts w:ascii="Courier New" w:hAnsi="Courier New" w:cs="Courier New"/>
        </w:rPr>
        <w:t>e\'e4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3\'ee \'e8\'eb\'e8 \'ed\'e5\'f1\'ea\'ee\'eb\'fc\'ea\'e8\'f5 \'e8\'e7 \'f1\'eb\'e5\'e4\'f3\'fe\'f9\'e8\'f5 \'ee\'f1\'ed\'ee\'e2\'e0\'ed\'e8\'e9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1\qj \li0\ri0\widctlpar\tx426\wrapdefault\aspalpha\aspnum\faauto\</w:t>
      </w:r>
      <w:r w:rsidRPr="00651F56">
        <w:rPr>
          <w:rFonts w:ascii="Courier New" w:hAnsi="Courier New" w:cs="Courier New"/>
        </w:rPr>
        <w:t xml:space="preserve">adjustright\rin0\lin0\itap0\pararsid8990346 \rtlch\fcs1 \af0\afs24\alang1025 \ltrch\fcs0 \f1\fs20\lang1033\langfe1049\cgrid\langnp1033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0\fs22\lang1049\langfe1033\langnp1049\langfenp1033\insrsid8990346\ch</w:t>
      </w:r>
      <w:r w:rsidRPr="00651F56">
        <w:rPr>
          <w:rFonts w:ascii="Courier New" w:hAnsi="Courier New" w:cs="Courier New"/>
        </w:rPr>
        <w:t>arrsid8990346 1.   \'e2\'fb\'ff\'e2\'eb\'e5\'ed\'e8\'e5 \'f4\'e0\'ea\'f2\'e0 \'ed\'e5\'f6\'e5\'eb\'e5\'e2\'ee\'e3\'ee \'e8\'f1\'ef\'ee\'eb\'fc\'e7\'ee\'e2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f \'c7\'e0\'e5\'ec\'f9\'e8\'ea\'ee\'ec \'ea\'f0\'e5\'e4\'e8\'f2\'e0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2. \'e2\'f</w:t>
      </w:r>
      <w:r w:rsidRPr="00651F56">
        <w:rPr>
          <w:rFonts w:ascii="Courier New" w:hAnsi="Courier New" w:cs="Courier New"/>
        </w:rPr>
        <w:t>b\'ff\'e2\'eb\'e5\'ed\'e8\'e5 \'f4\'e0\'ea\'f2\'e0 \'ed\'e5\'f1\'ee\'ee\'f2\'e2\'e5\'f2\'f1\'f2\'e2\'e8\'ff \'c7\'e0\'e5\'ec\'f9\'e8\'ea\'e0 \'ed\'e0 \'e4\'e5\'ed\'fc \'e7\'e0\'ea\'eb\'fe\'f7\'e5\'ed\'e8\'ff \'ea\'f0\'e5\'e4\'e8\'f2\'ed\'ee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 \'f1\</w:t>
      </w:r>
      <w:r w:rsidRPr="00651F56">
        <w:rPr>
          <w:rFonts w:ascii="Courier New" w:hAnsi="Courier New" w:cs="Courier New"/>
        </w:rPr>
        <w:t>'ee\'e3\'eb\'e0\'f8\'e5\'ed\'e8\'ff \'ee\'e4\'ed\'ee\'ec\'f3 \'e8\'eb\'e8 \'ed\'e5\'f1\'ea\'ee\'eb\'fc\'ea\'e8\'ec \'f2\'f0\'e5\'e1\'ee\'e2\'e0\'ed\'e8\'ff\'ec, \'e8\'e7\'eb\'ee\'e6\'e5\'ed\'ed\'fb\'ec \'e2 \'ef. 20 \'cf\'f0\'ee\'e3\'f0\'e0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'fb 1</w:t>
      </w:r>
      <w:r w:rsidRPr="00651F56">
        <w:rPr>
          <w:rFonts w:ascii="Courier New" w:hAnsi="Courier New" w:cs="Courier New"/>
        </w:rPr>
        <w:t>76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3. }{\rtlch\fcs1 \af0\afs22 \ltrch\fcs0 \fs22\lang1049\langfe1049\loch\af0\hich\af0\dbch\af39\langnp1049\insrsid8990346\charrsid8990346 \loch\af0\dbch\af39\hich\f0 \'ef\'f0\'e5\'ea\'f0\'e0\'f9\'e5\'ed\'e8\'e5\loch\f0 \hich\f0  \'e4\'e5\'e9\'f1\'</w:t>
      </w:r>
      <w:r w:rsidRPr="00651F56">
        <w:rPr>
          <w:rFonts w:ascii="Courier New" w:hAnsi="Courier New" w:cs="Courier New"/>
        </w:rPr>
        <w:t>f2\'e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\loch\f0 \hich\f0  \'cf\'f0\'ee\'e3\'f0\'e0\'ec\'ec\'fb\loch\f0 \hich\f0  1764 / \'ee\'f2\'ec\'e5\'ed\'e0\loch\f0 \hich\f0  \'cf\'ee\'f1\'f2\'e0\'ed\'ee\'e2\'eb\'e5\'ed\'e8\'ff\loch\f0 \hich\f0  \'cf\'f0\'e0\'e2\'e8\'f2\'e5\'eb\'fc\'f1\'f2\</w:t>
      </w:r>
      <w:r w:rsidRPr="00651F56">
        <w:rPr>
          <w:rFonts w:ascii="Courier New" w:hAnsi="Courier New" w:cs="Courier New"/>
        </w:rPr>
        <w:t>'e2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d0\'ee\'f1\'f1\'e8\'e9\'f1\'ea\'ee\'e9\loch\f0 \hich\f0  \'d4\'e5\'e4\'e5\'f0\'e0\'f6\'e8\'e8\loch\f0 \hich\f0  \'ee\'f2\loch\f0 \hich\f0  30.12.2018 \'b9\loch\f0 \hich\f0 1764 \'ab\'ce\'e1\loch\f0 \hich\f0  \'f3\'f2\'e2\'e5\'</w:t>
      </w:r>
      <w:r w:rsidRPr="00651F56">
        <w:rPr>
          <w:rFonts w:ascii="Courier New" w:hAnsi="Courier New" w:cs="Courier New"/>
        </w:rPr>
        <w:t>f0\'e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5\'ed\'e8\'e8\loch\f0 \hich\f0  \'cf\'f0\'e0\'e2\'e8\'eb\loch\f0 \hich\f0  \'ef\'f0\'e5\'e4\'ee\'f1\'f2\'e0\'e2\'eb\'e5\'ed\'e8\'ff\loch\f0 \hich\f0  \'f1\'f3\'e1\'f1\'e8\'e4\'e8\'e9\loch\f0 \hich\f0  \'e8\'e7\loch\f0 \hich\f0  \'f4\'e5\'e4\</w:t>
      </w:r>
      <w:r w:rsidRPr="00651F56">
        <w:rPr>
          <w:rFonts w:ascii="Courier New" w:hAnsi="Courier New" w:cs="Courier New"/>
        </w:rPr>
        <w:t>'e5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b\'fc\'ed\'ee\'e3\'ee\loch\f0 \hich\f0  \'e1\'fe\'e4\'e6\'e5\'f2\'e0\loch\f0 \hich\f0  \'f0\'ee\'f1\'f1\'e8\'e9\'f1\'ea\'e8\'ec\loch\f0 \hich\f0  \'ea\'f0\'e5\'e4\'e8\'f2\'ed\'fb\'ec\loch\f0 \hich\f0  \'ee\'f0\'e3\'e0\'ed\'e8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af0</w:t>
      </w:r>
      <w:r w:rsidRPr="00651F56">
        <w:rPr>
          <w:rFonts w:ascii="Courier New" w:hAnsi="Courier New" w:cs="Courier New"/>
        </w:rPr>
        <w:t>\dbch\af39\hich\f0 \'e0\'f6\'e8\'ff\'ec\loch\f0 \hich\f0  \'e8\loch\f0 \hich\f0  \'f1\'ef\'e5\'f6\'e8\'e0\'eb\'e8\'e7\'e8\'f0\'ee\'e2\'e0\'ed\'ed\'fb\'ec\loch\f0 \hich\f0  \'f4\'e8\'ed\'e0\'ed\'f1\'ee\'e2\'fb\'ec\loch\f0 \hich\f0  \'ee\'e1\'f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1\'f</w:t>
      </w:r>
      <w:r w:rsidRPr="00651F56">
        <w:rPr>
          <w:rFonts w:ascii="Courier New" w:hAnsi="Courier New" w:cs="Courier New"/>
        </w:rPr>
        <w:t>2\'e2\'e0\'ec\loch\f0 \hich\f0  \'ed\'e0\loch\f0 \hich\f0  \'e2\'ee\'e7\'ec\'e5\'f9\'e5\'ed\'e8\'e5\loch\f0 \hich\f0  \'ed\'e5\'e4\'ee\'ef\'ee\'eb\'f3\'f7\'e5\'ed\'ed\'fb\'f5\loch\f0 \hich\f0  \'e8\'ec\'e8\loch\f0 \hich\f0  \'e4\'ee\'f5\'ee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l</w:t>
      </w:r>
      <w:r w:rsidRPr="00651F56">
        <w:rPr>
          <w:rFonts w:ascii="Courier New" w:hAnsi="Courier New" w:cs="Courier New"/>
        </w:rPr>
        <w:t>och\f0 \hich\f0  \'ef\'ee\loch\f0 \hich\f0  \'ea\'f0\'e5\'e4\'e8\'f2\'e0\'ec\loch\f0 \hich\f0 , \'e2\'fb\'e4\'e0\'ed\'ed\'fb\'ec\loch\f0 \hich\f0  \'e2\loch\f0 \hich\f0  2019 - 2024 \'e3\'ee\'e4\'e0\'f5\loch\f0 \hich\f0  \'f1\'f3\'e1\'fa\'e5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0\</w:t>
      </w:r>
      <w:r w:rsidRPr="00651F56">
        <w:rPr>
          <w:rFonts w:ascii="Courier New" w:hAnsi="Courier New" w:cs="Courier New"/>
        </w:rPr>
        <w:t>'ec\loch\f0 \hich\f0  \'ec\'e0\'eb\'ee\'e3\'ee\loch\f0 \hich\f0  \'e8\loch\f0 \hich\f0  \'f1\'f0\'e5\'e4\'ed\'e5\'e3\'ee\loch\f0 \hich\f0  \'ef\'f0\'e5\'e4\'ef\'f0\'e8\'ed\'e8\'ec\'e0\'f2\'e5\'eb\'fc\'f1\'f2\'e2\'e0\loch\f0 \hich\f0 , 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</w:t>
      </w:r>
      <w:r w:rsidRPr="00651F56">
        <w:rPr>
          <w:rFonts w:ascii="Courier New" w:hAnsi="Courier New" w:cs="Courier New"/>
        </w:rPr>
        <w:t>f0  \'f2\'e0\'ea\'e6\'e5\loch\f0 \hich\f0  \'f4\'e8\'e7\'e8\'f7\'e5\'f1\'ea\'e8\'ec\loch\f0 \hich\f0  \'eb\'e8\'f6\'e0\'ec\loch\f0 \hich\f0 , \'ef\'f0\'e8\'ec\'e5\'ed\'ff\'fe\'f9\'e8\'ec\loch\f0 \hich\f0  \'f1\'ef\'e5\'f6\'e8\'e0\'eb\'f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fb\'e9\loch</w:t>
      </w:r>
      <w:r w:rsidRPr="00651F56">
        <w:rPr>
          <w:rFonts w:ascii="Courier New" w:hAnsi="Courier New" w:cs="Courier New"/>
        </w:rPr>
        <w:t>\f0 \hich\f0  \'ed\'e0\'eb\'ee\'e3\'ee\'e2\'fb\'e9\loch\f0 \hich\f0  \'f0\'e5\'e6\'e8\'ec\loch\f0 \hich\f0  \'ab\'cd\'e0\'eb\'ee\'e3\loch\f0 \hich\f0  \'ed\'e0\hich\af0\dbch\af39\loch\f0  \loch\af0\dbch\af39\hich\f0 \'ef\'f0\'ee\'f4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1\'e8\'ee\'</w:t>
      </w:r>
      <w:r w:rsidRPr="00651F56">
        <w:rPr>
          <w:rFonts w:ascii="Courier New" w:hAnsi="Courier New" w:cs="Courier New"/>
        </w:rPr>
        <w:t xml:space="preserve">ed\'e0\'eb\'fc\'ed\'fb\'e9\loch\f0 \hich\f0  \'e4\'ee\'f5\'ee\'e4\'bb\loch\f0 \hich\f0 , \'ef\'ee\loch\f0 \hich\f0  \'eb\'fc\'e3\'ee\'f2\'ed\'ee\'e9\loch\f0 \hich\f0  \'f1\'f2\'e0\'e2\'ea\'e5\'bb\loch\f0 \hich\f0  (\'f1\loch\f0 \hi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f3\'f7\'e5\'f2</w:t>
      </w:r>
      <w:r w:rsidRPr="00651F56">
        <w:rPr>
          <w:rFonts w:ascii="Courier New" w:hAnsi="Courier New" w:cs="Courier New"/>
        </w:rPr>
        <w:t>\'ee\'ec\loch\f0 \hich\f0  \'e8\'e7\'ec\'e5\'ed\'e5\'ed\'e8\'e9\loch\f0 \hich\f0  \'e8\loch\f0 \hich\f0  \'e4\'ee\'ef\'ee\'eb\'ed\'e5\'ed\'e8\'e9\loch\f0 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0\fs22\lang1049\langfe1033\langnp1049\langfenp1033\ins</w:t>
      </w:r>
      <w:r w:rsidRPr="00651F56">
        <w:rPr>
          <w:rFonts w:ascii="Courier New" w:hAnsi="Courier New" w:cs="Courier New"/>
        </w:rPr>
        <w:t>rsid8990346\charrsid8990346 4. \'ef\'ee\'eb\'f3\'f7\'e5\'ed\'e8\'e5 \'c1\'e0\'ed\'ea\'ee\'ec \'ee\'f4\'e8\'f6\'e8\'e0\'eb\'fc\'ed\'ee\'e3\'ee \'ef\'e8\'f1\'fc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cc\'e8\'ed\'e8\'f1\'f2\'e5\'f0\'f1\'f2\'e2\'e0 \'f4\'e8\'ed\'e0\'ed\'f1\'ee\'e2 \'d0\</w:t>
      </w:r>
      <w:r w:rsidRPr="00651F56">
        <w:rPr>
          <w:rFonts w:ascii="Courier New" w:hAnsi="Courier New" w:cs="Courier New"/>
        </w:rPr>
        <w:t>'ee\'f1\'f1\'e8\'e9\'f1\'ea\'ee\'e9 \'d4\'e5\'e4\'e5\'f0\'e0\'f6\'e8\'e8/\'cc\'e8\'ed\'fd\'ea\'ee\'ed\'ee\'ec\'f0\'e0\'e7\'e2\'e8\'f2\'e8\'ff \'d0\'ee\'f1\'f1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8 \'ee\'e1 \'ee\'f2\'f1\'f3\'f2\'f1\'f2\'e2\'e8\'e8 \'e1\'fe\'e4\'e6\'e5\'f2\'ed\'fb\'f5 </w:t>
      </w:r>
      <w:r w:rsidRPr="00651F56">
        <w:rPr>
          <w:rFonts w:ascii="Courier New" w:hAnsi="Courier New" w:cs="Courier New"/>
        </w:rPr>
        <w:t>\'e0\'f1\'f1\'e8\'e3\'ed\'ee\'e2\'e0\'ed\'e8\'e9 \'e8 \'eb\'e8\'ec\'e8\'f2\'ee\'e2 \'e1\'fe\'e4\'e6\'e5\'f2\'ed\'fb\'f5 \'ee\'e1\'ff\'e7\'e0\'f2\'e5\'eb\'fc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2, \'ed\'e0 \'f6\'e5\'eb\'e8, \'ef\'f0\'e5\'e4\'f3\'f1\'ec\'ee\'f2\'f0\'e5\'ed\'ed\'fb\</w:t>
      </w:r>
      <w:r w:rsidRPr="00651F56">
        <w:rPr>
          <w:rFonts w:ascii="Courier New" w:hAnsi="Courier New" w:cs="Courier New"/>
        </w:rPr>
        <w:t>'e5 }{\rtlch\fcs1 \af0\afs22 \ltrch\fcs0 \f0\fs22\lang1049\langfe1049\langnp1049\insrsid8990346\charrsid8990346  \'cf\'f0\'ee\'e3\'f0\'e0\'ec\'ec\'ee\'e9 1764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0\fs22\lang1049\langfe1033\langnp1049\langfenp1033\insrsi</w:t>
      </w:r>
      <w:r w:rsidRPr="00651F56">
        <w:rPr>
          <w:rFonts w:ascii="Courier New" w:hAnsi="Courier New" w:cs="Courier New"/>
        </w:rPr>
        <w:t>d8990346\charrsid8990346 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5. \'ef\'ee\'eb\'f3\'f7\'e5\'ed\'e8\'e5 \'c1\'e0\'ed\'ea\'ee\'ec \'ee\'f2 \'cc\'e8\'ed\'fd\'ea\'ee\'ed\'ee\'ec\'f0\'e0\'e7\'e2\'e8\'f2\'e8\'ff \'d0\'ee\'f1\'f1\'e8\'e8 \'f3\'e2\'e5\'e4\'ee\'ec\'eb\'e5\'ed\'e8\'ff \'ee\'e1 \</w:t>
      </w:r>
      <w:r w:rsidRPr="00651F56">
        <w:rPr>
          <w:rFonts w:ascii="Courier New" w:hAnsi="Courier New" w:cs="Courier New"/>
        </w:rPr>
        <w:t xml:space="preserve">'ee\'f2\'ea\'e0\'e7\'e5 \'e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5\'e4\'ee\'f1\'f2\'e0\'e2\'eb\'e5\'ed\'e8\'e8 \'d1\'f3\'e1\'f1\'e8\'e4\'e8\'e8 }{\rtlch\fcs1 \af0\afs22 \ltrch\fcs0 \f0\fs22\lang1049\langfe1033\cgrid0\langnp1049\langfenp1033\insrsid8990346\charrsid8990346 \'e8/\'</w:t>
      </w:r>
      <w:r w:rsidRPr="00651F56">
        <w:rPr>
          <w:rFonts w:ascii="Courier New" w:hAnsi="Courier New" w:cs="Courier New"/>
        </w:rPr>
        <w:t>e8\'eb\'e8 \'ed\'e5\'ef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3\'f7\'e5\'ed\'e8\'e5 \'c1\'e0\'ed\'ea\'ee\'ec \'f1\'f3\'e1\'f1\'e8\'e4\'e8\'e9 \'e2\'ee\'e7\'ec\'e5\'f9\'e5\'ed\'e8\'ff \'ed\'e5\'e4\'ee\'ef\'ee\'eb\'f3\'f7\'e5\'ed\'ed\'fb\'f5 \'c1\'e0\'ed\'ea\'ee\'ec \'e4\'ee\'f5\'ee\</w:t>
      </w:r>
      <w:r w:rsidRPr="00651F56">
        <w:rPr>
          <w:rFonts w:ascii="Courier New" w:hAnsi="Courier New" w:cs="Courier New"/>
        </w:rPr>
        <w:t>'e4\'ee\'e2 \'ef\'ee \'d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3\'eb\'e0\'f8\'e5\'ed\'e8\'fe \'f1 }{\rtlch\fcs1 \af0\afs22 \ltrch\fcs0 \f0\fs22\lang1049\langfe1033\langnp1049\langfenp1033\insrsid8990346\charrsid8990346 \'c7\'e0\'e5\'ec\'f9\'e8\'ea\'ee\'ec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</w:t>
      </w:r>
      <w:r w:rsidRPr="00651F56">
        <w:rPr>
          <w:rFonts w:ascii="Courier New" w:hAnsi="Courier New" w:cs="Courier New"/>
        </w:rPr>
        <w:t>22 \ltrch\fcs0 \f0\fs22\lang1049\langfe1033\cgrid0\langnp1049\langfenp1033\insrsid8990346\charrsid8990346 6. \'ed\'e0\'f1\'f2\'f3\'ef\'eb\'e5\'ed\'e8\'e5 \'e8\'ed\'fb\'f5 \'ee\'e1\'f1\'f2\'ee\'ff\'f2\'e5\'eb\'fc\'f1\'f2\'e2, \'e2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a\'f3\'f9\'e8\</w:t>
      </w:r>
      <w:r w:rsidRPr="00651F56">
        <w:rPr>
          <w:rFonts w:ascii="Courier New" w:hAnsi="Courier New" w:cs="Courier New"/>
        </w:rPr>
        <w:t>'f5 \'ef\'f0\'e5\'ea\'f0\'e0\'f9\'e5\'ed\'e8\'e5 \'f1\'f3\'e1\'f1\'e8\'e4\'e8\'f0\'ee\'e2\'e0\'ed\'e8\'ff \'ef\'ee \'d1\'ee\'e3\'eb\'e0\'f8\'e5\'ed\'e8\'fe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30\qj \fi709\li0\ri0\widctlpar\wrapdefault\aspalpha\aspnum\faauto\adjus</w:t>
      </w:r>
      <w:r w:rsidRPr="00651F56">
        <w:rPr>
          <w:rFonts w:ascii="Courier New" w:hAnsi="Courier New" w:cs="Courier New"/>
        </w:rPr>
        <w:t xml:space="preserve">tright\rin0\lin0\itap0\pararsid8990346 \rtlch\fcs1 \af0\afs20\alang1025 \ltrch\fcs0 \fs22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insrsid8990346\charrsid8990346 \'cf\'f0\'e8 \'f3\'e2\'e5\'eb\'e8\'f7\'e5\'ed\</w:t>
      </w:r>
      <w:r w:rsidRPr="00651F56">
        <w:rPr>
          <w:rFonts w:ascii="Courier New" w:hAnsi="Courier New" w:cs="Courier New"/>
        </w:rPr>
        <w:t>'e8\'e8 \'c1\'e0\'ed\'ea\'ee\'ec \'f0\'e0\'e7\'ec\'e5\'f0\'e0 \'ef\'f0\'ee\'f6\'e5\'ed\'f2\'ed\'ee\'e9 \'f1\'f2\'e0\'e2\'ea\'e8 \'e2 \'ee\'e4\'ed\'ee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e\'f0\'ee\'ed\'ed\'e5\'ec \'ef\'ee\'f0\'ff\'e4\'ea\'e5 \'e2 \'f1\'ee\'ee\'f2\'e2\'e5\'f2\'f1\'</w:t>
      </w:r>
      <w:r w:rsidRPr="00651F56">
        <w:rPr>
          <w:rFonts w:ascii="Courier New" w:hAnsi="Courier New" w:cs="Courier New"/>
        </w:rPr>
        <w:t>f2\'e2\'e8\'e8 \'f1 \'ca\'f0\'e5\'e4\'e8\'f2\'ed\'fb\'ec \'f1\'ee\'e3\'eb\'e0\'f8\'e5\'ed\'e8\'e5\'ec \'ca\'f0\'e5\'e4\'e8\'f2\'ee\'f0 \'ed\'e0\'ef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2\'eb\'ff\'e5\'f2 \'c7\'e0\'e5\'ec\'f9\'e8\'ea\'f3 \'ef\'e8\'f1\'fc\'ec\'e5\'ed\'ed\'ee\'e5 \'f3</w:t>
      </w:r>
      <w:r w:rsidRPr="00651F56">
        <w:rPr>
          <w:rFonts w:ascii="Courier New" w:hAnsi="Courier New" w:cs="Courier New"/>
        </w:rPr>
        <w:t>\'e2\'e5\'e4\'ee\'ec\'eb\'e5\'ed\'e8\'e5 (\'e2 \'ef\'f0\'ee\'e8\'e7\'e2\'ee\'eb\'fc\'ed\'ee\'e9 \'f4\'ee\'f0\'ec\'e5) \'ee\'e1 \'f3\'e2\'e5\'eb\'e8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e8\'e8 \'ef\'f0\'ee\'f6\'e5\'ed\'f2\'ed\'ee\'e9 \'f1\'f2\'e0\'e2\'ea\'e8 \'f1 \'ed\'e0\'f0\'e</w:t>
      </w:r>
      <w:r w:rsidRPr="00651F56">
        <w:rPr>
          <w:rFonts w:ascii="Courier New" w:hAnsi="Courier New" w:cs="Courier New"/>
        </w:rPr>
        <w:t xml:space="preserve">e\'f7\'ed\'fb\'ec \'e8\'eb\'e8 \'e7\'e0\'ea\'e0\'e7\'ed\'fb\'ec \'ef\'ee\'f7\'f2\'ee\'e2\'fb\'ec \'ee\'f2\'ef\'f0\'e0\'e2\'eb\'e5\'ed\'e8\'e5\'ec \'f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f\'e8\'f1\'fc\'fe \'e2\'eb\'ee\'e6\'e5\'ed\'e8\'ff \'e8\~ \'f3\'e2\'e5\'e4\'ee\'ec\'eb\'e5\'ed\'</w:t>
      </w:r>
      <w:r w:rsidRPr="00651F56">
        <w:rPr>
          <w:rFonts w:ascii="Courier New" w:hAnsi="Courier New" w:cs="Courier New"/>
        </w:rPr>
        <w:t>e8\'e5\'ec \'ee \'e2\'f0\'f3\'f7\'e5\'ed\'e8\'e8, \'e8\'eb\'e8 \'f1 \'e8\'f1\'ef\'ee\'eb\'fc\'e7\'ee\'e2\'e0\'ed\'e8\'e5\'ec \'d1\'e8\'f1\'f2\'e5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b \'c4\'e8\'f1\'f2\'e0\'ed\'f6\'e8\'ee\'ed\'ed\'ee\'e3\'ee \'e1\'e0\'ed\'ea\'ee\'e2\'f1\'ea\'ee\'e3\'e</w:t>
      </w:r>
      <w:r w:rsidRPr="00651F56">
        <w:rPr>
          <w:rFonts w:ascii="Courier New" w:hAnsi="Courier New" w:cs="Courier New"/>
        </w:rPr>
        <w:t>e \'ee\'e1\'f1\'eb\'f3\'e6\'e8\'e2\'e0\'ed\'e8\'ff. \'cd\'ee\'e2\'e0\'ff \'ef\'f0\'ee\'f6\'e5\'ed\'f2\'ed\'e0\'ff \'f1\'f2\'e0\'e2\'ea\'e0 \'ed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7\'e8\'ed\'e0\'e5\'f2 \'e4\'e5\'e9\'f1\'f2\'e2\'ee\'e2\'e0\'f2\'fc \'f1 1 (\'cf\'e5\'f0\'e2\'ee\'e3\'ee)</w:t>
      </w:r>
      <w:r w:rsidRPr="00651F56">
        <w:rPr>
          <w:rFonts w:ascii="Courier New" w:hAnsi="Courier New" w:cs="Courier New"/>
        </w:rPr>
        <w:t xml:space="preserve"> \'f7\'e8\'f1\'eb\'e0 \'ec\'e5\'f1\'ff\'f6\'e0, \'f1\'eb\'e5\'e4\'f3\'fe\'f9\'e5\'e3\'ee \'e7\'e0 \'ec\'e5\'f1\'ff\'f6\'e5\'ec, \'e2 \'ea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f0\'ee\'ec \'c7\'e0\'e5\'ec\'f9\'e8\'ea\'f3 \'e1\'fb\'eb\'ee \'ed\'e0\'ef\'f0\'e0\'e2\'eb\'e5\'ed\'ee \</w:t>
      </w:r>
      <w:r w:rsidRPr="00651F56">
        <w:rPr>
          <w:rFonts w:ascii="Courier New" w:hAnsi="Courier New" w:cs="Courier New"/>
        </w:rPr>
        <w:t>'ef\'e8\'f1\'fc\'ec\'e5\'ed\'ed\'ee\'e5 \'f3\'e2\'e5\'e4\'ee\'ec\'eb\'e5\'ed\'e8\'e5 \'ee\'e1 \'f3\'e2\'e5\'eb\'e8\'f7\'e5\'ed\'e8\'e8 \'ef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f6\'e5\'ed\'f2\'ed\'ee\'e9 \'f1\'f2\'e0\'e2\'ea\'e8.\~ \'d3\'ea\'e0\'e7\'e0\'ed\'ed\'ee\'e5 \'f3\'e2\'e5\</w:t>
      </w:r>
      <w:r w:rsidRPr="00651F56">
        <w:rPr>
          <w:rFonts w:ascii="Courier New" w:hAnsi="Courier New" w:cs="Courier New"/>
        </w:rPr>
        <w:t>'e4\'ee\'ec\'eb\'e5\'ed\'e8\'e5 \'f1\'f7\'e8\'f2\'e0\'e5\'f2\'f1\'ff \'ed\'e0\'ef\'f0\'e0\'e2\'eb\'e5\'ed\'ed\'fb\'ec \'e2 \'ec\'ee\'ec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 \'e2\'f0\'f3\'f7\'e5\'ed\'e8\'ff \'c7\'e0\'e5\'ec\'f9\'e8\'ea\'f3, \'e5\'f1\'eb\'e8 \'ee\'ed\'ee \'ed\'e0\</w:t>
      </w:r>
      <w:r w:rsidRPr="00651F56">
        <w:rPr>
          <w:rFonts w:ascii="Courier New" w:hAnsi="Courier New" w:cs="Courier New"/>
        </w:rPr>
        <w:t>'ef\'f0\'e0\'e2\'eb\'e5\'ed\'ee \'f1 \'ed\'e0\'f0\'ee\'f7\'ed\'fb\'ec, \'e8\'eb\'e8 \'e2 \'ec\'ee\'ec\'e5\'ed\'f2 \'f1\'e4\'e0\'f7\'e8 \'e5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 \'e2 \'ee\'f0\'e3\'e0\'ed\'e8\'e7\'e0\'f6\'e8\'fe \'f1\'e2\'ff\'e7\'e8, \'e5\'f1\'eb\'e8 \'ee\'ed\'ee \'ed</w:t>
      </w:r>
      <w:r w:rsidRPr="00651F56">
        <w:rPr>
          <w:rFonts w:ascii="Courier New" w:hAnsi="Courier New" w:cs="Courier New"/>
        </w:rPr>
        <w:t>\'e0\'ef\'f0\'e0\'e2\'eb\'e5\'ed\'ee \'c7\'e0\'e5\'ec\'f9\'e8\'ea\'f3 \'e7\'e0\'ea\'e0\'e7\'ed\'fb\'ec \'ef\'ee\'f7\'f2\'ee\'e2\'fb\'ec 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0\'e2\'eb\'e5\'ed\'e8\'e5\'ec \'f1 \'ee\'ef\'e8\'f1\'fc\'fe \'e2\'eb\'ee\'e6\'e5\'ed\'e8\'ff \'e8 \</w:t>
      </w:r>
      <w:r w:rsidRPr="00651F56">
        <w:rPr>
          <w:rFonts w:ascii="Courier New" w:hAnsi="Courier New" w:cs="Courier New"/>
        </w:rPr>
        <w:t>'f3\'e2\'e5\'e4\'ee\'ec\'eb\'e5\'ed\'e8\'e5\'ec \'ee \'e2\'f0\'f3\'f7\'e5\'ed\'e8\'e8, \'e8\'eb\'e8 \'e2 \'ec\'ee\'ec\'e5\'ed\'f2 \'ef\'e5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4\'e0\'f7\'e8 \'f1\'ee\'ee\'e1\'f9\'e5\'ed\'e8\'ff \'ef\'ee \'d1\'e8\'f1\'f2\'e5\'ec\'e5 \'c4\'e8\'f1\'f2</w:t>
      </w:r>
      <w:r w:rsidRPr="00651F56">
        <w:rPr>
          <w:rFonts w:ascii="Courier New" w:hAnsi="Courier New" w:cs="Courier New"/>
        </w:rPr>
        <w:t>\'e0\'ed\'f6\'e8\'ee\'ed\'ed\'ee\'e3\'ee \'e1\'e0\'ed\'ea\'ee\'e2\'f1\'ea\'ee\'e3\'ee \'ee\'e1\'f1\'eb\'f3\'e6\'e8\'e2\'e0\'ed\'e8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fi709\li0\ri0\widctlpar\wrapdefault\aspalpha\aspnum\faauto\adjustright\rin0\lin0\itap0\pa</w:t>
      </w:r>
      <w:r w:rsidRPr="00651F56">
        <w:rPr>
          <w:rFonts w:ascii="Courier New" w:hAnsi="Courier New" w:cs="Courier New"/>
        </w:rPr>
        <w:t xml:space="preserve">rarsid8990346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8990346\charrsid8990346 \'c2 \'f1\'eb\'f3\'f7\'e0\'e5 \'ed\'e0\'ef\'f0\'e0\'e2\'eb\'e5\'ed</w:t>
      </w:r>
      <w:r w:rsidRPr="00651F56">
        <w:rPr>
          <w:rFonts w:ascii="Courier New" w:hAnsi="Courier New" w:cs="Courier New"/>
        </w:rPr>
        <w:t>\'e8\'ff \'ca\'f0\'e5\'e4\'e8\'f2\'ee\'f0\'ee\'ec \'f3\'e2\'e5\'e4\'ee\'ec\'eb\'e5\'ed\'e8\'ff \'ee\'e1 \'f3\'e2\'e5\'eb\'e8\'f7\'e5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 \'ef\'f0\'ee\'f6\'e5\'ed\'f2\'ed\'ee\'e9 \'f1\'f2\'e0\'e2\'ea\'e8 \'ef\'ee \'ee\'f1\'ed\'ee\'e2\'e0\'ed\'e8\'</w:t>
      </w:r>
      <w:r w:rsidRPr="00651F56">
        <w:rPr>
          <w:rFonts w:ascii="Courier New" w:hAnsi="Courier New" w:cs="Courier New"/>
        </w:rPr>
        <w:t>ff\'ec, \'ef\'f0\'e5\'e4\'f3\'f1\'ec\'ee\'f2\'f0\'e5\'ed\'ed\'fb\'ec \'ed\'e0\'f1\'f2\'ee\'ff\'f9\'e8\'ec \'ef\'f3\'ed\'ea\'f2\'ee\'ec, \'c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5\'ec\'f9\'e8\'ea \'e4\'ee \'ed\'e0\'f1\'f2\'f3\'ef\'eb\'e5\'ed\'e8\'ff \'e4\'e0\'f2\'fb \'ed\'e0\'f7\'e0\'</w:t>
      </w:r>
      <w:r w:rsidRPr="00651F56">
        <w:rPr>
          <w:rFonts w:ascii="Courier New" w:hAnsi="Courier New" w:cs="Courier New"/>
        </w:rPr>
        <w:t>eb\'e0 \'e4\'e5\'e9\'f1\'f2\'e2\'e8\'ff \'ed\'ee\'e2\'ee\'e9 \'ef\'f0\'ee\'f6\'e5\'ed\'f2\'ed\'ee\'e9 \'f1\'f2\'e0\'e2\'ea\'e8 \'e2\'ef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2\'e5 \'e4\'ee\'f1\'f0\'ee\'f7\'ed\'ee \'ef\'ee\'e3\'e0\'f1\'e8\'f2\'fc \'ea\'f0\'e5\'e4\'e8\'f2 \'e1\'e5\'e</w:t>
      </w:r>
      <w:r w:rsidRPr="00651F56">
        <w:rPr>
          <w:rFonts w:ascii="Courier New" w:hAnsi="Courier New" w:cs="Courier New"/>
        </w:rPr>
        <w:t xml:space="preserve">7 \'f1\'ee\'e3\'eb\'e0\'f1\'ee\'e2\'e0\'ed\'e8\'ff \'f1 \'ca\'f0\'e5\'e4\'e8\'f2\'ee\'f0\'ee\'ec \'e8 \'e1\'e5\'e7 \'f3\'ef\'eb\'e0\'f2\'f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e\'ec\'e8\'f1\'f1\'e8\'e8 \'e7\'e0 \'e4\'ee\'f1\'f0\'ee\'f7\'ed\'ee\'e5 \'ef\'ee\'e3\'e0\'f8\'e5\'ed\'e8\'e</w:t>
      </w:r>
      <w:r w:rsidRPr="00651F56">
        <w:rPr>
          <w:rFonts w:ascii="Courier New" w:hAnsi="Courier New" w:cs="Courier New"/>
        </w:rPr>
        <w:t>5 \'e8\'eb\'e8 \'e8\'ed\'fb\'f5 \'e4\'ee\'ef\'ee\'eb\'ed\'e8\'f2\'e5\'eb\'fc\'ed\'fb\'f5 \'ef\'eb\'e0\'f2\'e5\'e6\'e5\'e9, \'f1\'e2\'ff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d\'ed\'fb\'f5 \'f1 \'e4\'ee\'f1\'f0\'ee\'f7\'ed\'fb\'ec \'ef\'ee\'e3\'e0\'f8\'e5\'ed\'e8\'e5\'ec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</w:t>
      </w:r>
      <w:r w:rsidRPr="00651F56">
        <w:rPr>
          <w:rFonts w:ascii="Courier New" w:hAnsi="Courier New" w:cs="Courier New"/>
        </w:rPr>
        <w:t>sttext\pard\plain\ltrpar \s33 \rtlch\fcs1 \af0\afs22 \ltrch\fcs0 \f3\fs22\insrsid8990346\charrsid8990346 \loch\af3\dbch\af0\hich\f3 \'b7\tab}}\pard\plain \ltr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33\qj \fi567\li0\ri0\widctlpar\wrapdefault\aspalpha\aspnum\faauto\ls46\adjustright\rin0\lin</w:t>
      </w:r>
      <w:r w:rsidRPr="00651F56">
        <w:rPr>
          <w:rFonts w:ascii="Courier New" w:hAnsi="Courier New" w:cs="Courier New"/>
        </w:rPr>
        <w:t xml:space="preserve">0\itap0\pararsid8990346\contextualspace \rtlch\fcs1 \af0\afs20\alang1025 \ltrch\fcs0 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8990346\charrsid8990346 \'ca\'f0\'e5\'e4\'e8\'f2\'ee\'f0 \'e2\'e</w:t>
      </w:r>
      <w:r w:rsidRPr="00651F56">
        <w:rPr>
          <w:rFonts w:ascii="Courier New" w:hAnsi="Courier New" w:cs="Courier New"/>
        </w:rPr>
        <w:t>f\'f0\'e0\'e2\'e5 \'e2 \'ee\'e4\'ed\'ee\'f1\'f2\'ee\'f0\'ee\'ed\'ed\'e5\'ec \'ef\'ee\'f0\'ff\'e4\'ea\'e5 \'f3\'e2\'e5\'eb\'e8\'f7\'e8\'f2\'fc \'f0\'e0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'e5\'f0 \'ef\'f0\'ee\'f6\'e5\'ed\'f2\'ed\'ee\'e9 \'f1\'f2\'e0\'e2\'ea\'e8 \'ef\'ee \'ca\'f0\'e5</w:t>
      </w:r>
      <w:r w:rsidRPr="00651F56">
        <w:rPr>
          <w:rFonts w:ascii="Courier New" w:hAnsi="Courier New" w:cs="Courier New"/>
        </w:rPr>
        <w:t>\'e4\'e8\'f2\'f3 \'e2 \'f1\'eb\'f3\'f7\'e0\'e5 \'f3\'e2\'e5\'eb\'e8\'f7\'e5\'ed\'e8\'ff \'f1\'eb\'e5\'e4\'f3\'fe\'f9\'e8\'f5 \'ef\'f0\'ee\'f6\'e5\'ed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d\'fb\'f5 \'e8\'ed\'e4\'e8\'ea\'e0\'f2\'ee\'f0\'ee\'e2: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</w:t>
      </w:r>
      <w:r w:rsidRPr="00651F56">
        <w:rPr>
          <w:rFonts w:ascii="Courier New" w:hAnsi="Courier New" w:cs="Courier New"/>
        </w:rPr>
        <w:t xml:space="preserve">0\widctlpar\wrapdefault\aspalpha\aspnum\faauto\adjustright\rin0\lin0\itap0\pararsid8990346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8990346\charr</w:t>
      </w:r>
      <w:r w:rsidRPr="00651F56">
        <w:rPr>
          <w:rFonts w:ascii="Courier New" w:hAnsi="Courier New" w:cs="Courier New"/>
        </w:rPr>
        <w:t>sid8990346          \'e0) \'ea\'eb\'fe\'f7\'e5\'e2\'ee\'e9 \'f1\'f2\'e0\'e2\'ea\'e8 \'c1\'e0\'ed\'ea\'e0 \'d0\'ee\'f1\'f1\'e8\'e8, \'ef\'f3\'e1\'eb\'e8\'ea\'f3\'e5\'ec\'ee\'e9 \'ed\'e0 \'ee\'f4\'e8\'f6\'e8\'e0\'eb\'f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c \'f1\'e0\'e9\'f2\'e5 \'c</w:t>
      </w:r>
      <w:r w:rsidRPr="00651F56">
        <w:rPr>
          <w:rFonts w:ascii="Courier New" w:hAnsi="Courier New" w:cs="Courier New"/>
        </w:rPr>
        <w:t>1\'e0\'ed\'ea\'e0 \'d0\'ee\'f1\'f1\'e8\'e8 \'e2 \'f1\'e5\'f2\'e8 \'c8\'ed\'f2\'e5\'f0\'ed\'e5\'f2 (www.cbr.ru) \'e8/\'e8\'eb\'e8 \'e2 \'f1\'e8\'f1\'f2\'e5\'ec\'e5 Bloomberg (\'ea\'ee\'e4 \'e8\'ed\'f1\'f2\'f0\'f3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f2\'e0 RREFKEYR Index) \'e8/\</w:t>
      </w:r>
      <w:r w:rsidRPr="00651F56">
        <w:rPr>
          <w:rFonts w:ascii="Courier New" w:hAnsi="Courier New" w:cs="Courier New"/>
        </w:rPr>
        <w:t xml:space="preserve">'e8\'eb\'e8 \'e2 \'f1\'e8\'f1\'f2\'e5\'ec\'e5 Reuters (\'ea\'ee\'e4 \'e8\'ed\'f1\'f2\'f0\'f3\'ec\'e5\'ed\'f2\'e0 RUKEYRATE=CBRF) \'e8/\'e8\'eb\'e8 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\'e1) \'f1\'f0\'e5\'e4\'ed\'e5\'e0\'f0\'e8\'f4\'ec\'e5\'f2\'e8\'f7\'e5\'f1\'ea\'ee\'e3\'</w:t>
      </w:r>
      <w:r w:rsidRPr="00651F56">
        <w:rPr>
          <w:rFonts w:ascii="Courier New" w:hAnsi="Courier New" w:cs="Courier New"/>
        </w:rPr>
        <w:t>ee \'e7\'ed\'e0\'f7\'e5\'ed\'e8\'ff \'e7\'e0 \'ea\'e0\'eb\'e5\'ed\'e4\'e0\'f0\'ed\'fb\'e9 \'ec\'e5\'f1\'ff\'f6 \'f1\'f2\'e0\'e2\'ea\'e8 \'e1\'e5\'f1\'ea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e\'ed\'ed\'ee\'e9 \'e4\'ee\'f5\'ee\'e4\'ed\'ee\'f1\'f2\'e8 \'ce\'d4\'c7 \'f1\'ee \'f1\'f0\'</w:t>
      </w:r>
      <w:r w:rsidRPr="00651F56">
        <w:rPr>
          <w:rFonts w:ascii="Courier New" w:hAnsi="Courier New" w:cs="Courier New"/>
        </w:rPr>
        <w:t>ee\'ea\'ee\'ec \'e4\'ee \'ef\'ee\'e3\'e0\'f8\'e5\'ed\'e8\'ff 3 (\'d2\'f0\'e8) \'e3\'ee\'e4\'e0 \'ef\'ee \'e4\'e0\'ed\'ed\'fb\'ec, \'ef\'f3\'e1\'eb\'e8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'e5\'ec\'fb\'ec \'ed\'e0 \'ee\'f4\'e8\'f6\'e8\'e0\'eb\'fc\'ed\'ee\'ec \'f1\'e0\'e9\'f2\'e5 \'c1</w:t>
      </w:r>
      <w:r w:rsidRPr="00651F56">
        <w:rPr>
          <w:rFonts w:ascii="Courier New" w:hAnsi="Courier New" w:cs="Courier New"/>
        </w:rPr>
        <w:t xml:space="preserve">\'e0\'ed\'ea\'e0 \'d0\'ee\'f1\'f1\'e8\'e8 \'e2 \'f1\'e5\'f2\'e8 \'c8\'ed\'f2\'e5\'f0\'ed\'e5\'f2 (www.cbr.ru).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\'d3\'e2\'e5\'eb\'e8\'f7\'e5\'ed\'e8\'e5 \'e2 \'ee\'e4\'ed\'ee\'f1\'f2\'ee\'f0\'ee\'ed\'ed\'e5\'ec \'ef\'ee\'f0\'ff\'e4\'ea\'</w:t>
      </w:r>
      <w:r w:rsidRPr="00651F56">
        <w:rPr>
          <w:rFonts w:ascii="Courier New" w:hAnsi="Courier New" w:cs="Courier New"/>
        </w:rPr>
        <w:t>e5 \'ef\'f0\'ee\'f6\'e5\'ed\'f2\'ed\'ee\'e9 \'f1\'f2\'e0\'e2\'ea\'e8 \'ee\'f1\'f3\'f9\'e5\'f1\'f2\'e2\'eb\'ff\'e5\'f2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 \'ed\'e0 \'e2\'e5\'eb\'e8\'f7\'e8\'ed\'f3 \'f0\'ee\'f1\'f2\'e0 \'ef\'f0\'ee\'f6\'e5\'ed\'f2\'ed\'ee\'e3\'ee \'e8\'ed\'e4\'e8\'ea</w:t>
      </w:r>
      <w:r w:rsidRPr="00651F56">
        <w:rPr>
          <w:rFonts w:ascii="Courier New" w:hAnsi="Courier New" w:cs="Courier New"/>
        </w:rPr>
        <w:t>\'e0\'f2\'ee\'f0\'e0. \'d0\'ee\'f1\'f2 \'ef\'f0\'ee\'f6\'e5\'ed\'f2\'ed\'ee\'e3\'ee \'e8\'ed\'e4\'e8\'ea\'e0\'f2\'ee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f0\'e0\'f1\'f1\'f7\'e8\'f2\'fb\'e2\'e0\'e5\'f2\'f1\'ff \'ea\'e0\'ea \'f0\'e0\'e7\'ed\'e8\'f6\'e0 \'ec\'e5\'e6\'e4\'f3 \'e7\'ed\</w:t>
      </w:r>
      <w:r w:rsidRPr="00651F56">
        <w:rPr>
          <w:rFonts w:ascii="Courier New" w:hAnsi="Courier New" w:cs="Courier New"/>
        </w:rPr>
        <w:t xml:space="preserve">'e0\'f7\'e5\'ed\'e8\'ff\'ec\'e8 \'ef\'f0\'ee\'f6\'e5\'ed\'f2\'ed\'ee\'e3\'ee \'e8\'ed\'e4\'e8\'ea\'e0\'f2\'ee\'f0\'e0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5\'e9\'f1\'f2\'e2\'ee\'e2\'e0\'e2\'f8\'e8\'ec\'e8 \'e2 \'ef\'e5\'f0\'e2\'fb\'e9 \'d0\'e0\'e1\'ee\'f7\'e8\'e9 \'e4\'e5\'ed\'fc \'</w:t>
      </w:r>
      <w:r w:rsidRPr="00651F56">
        <w:rPr>
          <w:rFonts w:ascii="Courier New" w:hAnsi="Courier New" w:cs="Courier New"/>
        </w:rPr>
        <w:t>f2\'e5\'ea\'f3\'f9\'e5\'e3\'ee \'ec\'e5\'f1\'ff\'f6\'e0 \'e8 \'e2 \'ed\'e0\'e8\'e1\'ee\'eb\'e5\'e5 \'ef\'ee\'e7\'e4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fe\'fe \'e8\'e7 \'ed\'e8\'e6\'e5\'f1\'eb\'e5\'e4\'f3\'fe\'f9\'e8\'f5 \'e4\'e0\'f2: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- \'e2 \'ef\'e5\'f0\'e2\'fb\'e</w:t>
      </w:r>
      <w:r w:rsidRPr="00651F56">
        <w:rPr>
          <w:rFonts w:ascii="Courier New" w:hAnsi="Courier New" w:cs="Courier New"/>
        </w:rPr>
        <w:t>9 \'d0\'e0\'e1\'ee\'f7\'e8\'e9 \'e4\'e5\'ed\'fc \'ec\'e5\'f1\'ff\'f6\'e0, \'f1\'eb\'e5\'e4\'f3\'fe\'f9\'e5\'e3\'ee \'e7\'e0 \'ec\'e5\'f1\'ff\'f6\'e5\'ec, \'e2 \'ea\'ee\'f2\'ee\'f0\'ee\'ec \'e1\'fb\'eb\'e0 \'f3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0\'ed\'ee\'e2\'eb\'e5\'ed\'e0 \'ef</w:t>
      </w:r>
      <w:r w:rsidRPr="00651F56">
        <w:rPr>
          <w:rFonts w:ascii="Courier New" w:hAnsi="Courier New" w:cs="Courier New"/>
        </w:rPr>
        <w:t xml:space="preserve">\'f0\'ee\'f6\'e5\'ed\'f2\'ed\'e0\'ff \'f1\'f2\'e0\'e2\'ea\'e0 \'ef\'ee \'d1\'ee\'e3\'eb\'e0\'f8\'e5\'ed\'e8\'fe (\'e7\'e0\'ea\'eb\'fe\'f7\'e5\'ed\'ee \'d1\'ee\'e3\'eb\'e0\'f8\'e5\'ed\'e8\'e5);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- \'e2 \'ef\'e5\'f0\'e2\'fb\'e9 \'d0\'e0\'e</w:t>
      </w:r>
      <w:r w:rsidRPr="00651F56">
        <w:rPr>
          <w:rFonts w:ascii="Courier New" w:hAnsi="Courier New" w:cs="Courier New"/>
        </w:rPr>
        <w:t>1\'ee\'f7\'e8\'e9 \'e4\'e5\'ed\'fc \'ec\'e5\'f1\'ff\'f6\'e0, \'f1\'eb\'e5\'e4\'f3\'fe\'f9\'e5\'e3\'ee \'e7\'e0 \'ec\'e5\'f1\'ff\'f6\'e5\'ec, \'e2 \'ea\'ee\'f2\'ee\'f0\'ee\'ec \'e7\'e0\'ea\'eb\'fe\'f7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 \'e4\'ee\'ef\'ee\'eb\'ed\'e8\'f2\'e5\'eb\'</w:t>
      </w:r>
      <w:r w:rsidRPr="00651F56">
        <w:rPr>
          <w:rFonts w:ascii="Courier New" w:hAnsi="Courier New" w:cs="Courier New"/>
        </w:rPr>
        <w:t>fc\'ed\'ee\'e5 \'f1\'ee\'e3\'eb\'e0\'f8\'e5\'ed\'e8\'e5 \'ea \'d1\'ee\'e3\'eb\'e0\'f8\'e5\'ed\'e8\'fe, \'ef\'f0\'e5\'e4\'f3\'f1\'ec\'e0\'f2\'f0\'e8\'e2\'e0\'fe\'f9\'e5\'e5 \'e8\'e7\'ec\'e5\'ed\'e5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f\'f0\'ee\'f6\'e5\'ed\'f2\'ed\'ee\'e9 \'f1</w:t>
      </w:r>
      <w:r w:rsidRPr="00651F56">
        <w:rPr>
          <w:rFonts w:ascii="Courier New" w:hAnsi="Courier New" w:cs="Courier New"/>
        </w:rPr>
        <w:t xml:space="preserve">\'f2\'e0\'e2\'ea\'e8 \'ef\'ee \'d1\'ee\'e3\'eb\'e0\'f8\'e5\'ed\'e8\'fe;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- \'e2 \'ef\'e5\'f0\'e2\'fb\'e9 \'d0\'e0\'e1\'ee\'f7\'e8\'e9 \'e4\'e5\'ed\'fc \'ec\'e5\'f1\'ff\'f6\'e0, \'e2 \'ea\'ee\'f2\'ee\'f0\'ee\'ec \'e1\'fb\'eb\'ee \'ed\'e0\</w:t>
      </w:r>
      <w:r w:rsidRPr="00651F56">
        <w:rPr>
          <w:rFonts w:ascii="Courier New" w:hAnsi="Courier New" w:cs="Courier New"/>
        </w:rPr>
        <w:t>'ef\'f0\'e0\'e2\'eb\'e5\'ed\'ee \'ef\'ee\'f1\'eb\'e5\'e4\'ed\'e5\'e5 \'f3\'e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e\'ec\'eb\'e5\'ed\'e8\'e5 \'ee\'e1 \'e8\'e7\'ec\'e5\'ed\'e5\'ed\'e8\'e8 \'ef\'f0\'ee\'f6\'e5\'ed\'f2\'ed\'ee\'e9 \'f1\'f2\'e0\'e2\'ea\'e8 \'ef\'ee \'d1\'ee\'e3\'eb\'e</w:t>
      </w:r>
      <w:r w:rsidRPr="00651F56">
        <w:rPr>
          <w:rFonts w:ascii="Courier New" w:hAnsi="Courier New" w:cs="Courier New"/>
        </w:rPr>
        <w:t xml:space="preserve">0\'f8\'e5\'ed\'e8\'fe.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\'cf\'f0\'e8 \'ee\'e4\'ed\'ee\'e2\'f0\'e5\'ec\'e5\'ed\'ed\'ee\'ec \'e8\'e7\'ec\'e5\'ed\'e5\'ed\'e8\'e8 \'e4\'e2\'f3\'f5 \'ef\'f0\'ee\'f6\'e5\'ed\'f2\'ed\'fb\'f5 \'e8\'ed\'e4\'e8\'ea\'e0\'f2\'ee\'f0\'ee\'e2 \'e4\'e</w:t>
      </w:r>
      <w:r w:rsidRPr="00651F56">
        <w:rPr>
          <w:rFonts w:ascii="Courier New" w:hAnsi="Courier New" w:cs="Courier New"/>
        </w:rPr>
        <w:t>b\'ff \'ee\'ef\'f0\'e5\'e4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e5\'ed\'e8\'ff \'ed\'ee\'e2\'ee\'e9 \'ef\'f0\'ee\'f6\'e5\'ed\'f2\'ed\'ee\'e9 \'f1\'f2\'e0\'e2\'ea\'e8 \'e2 \'f0\'e0\'f1\'f7\'e5\'f2 \'ef\'f0\'e8\'ed\'e8\'ec\'e0\'fe\'f2\'f1\'ff \'e7\'ed\'e0\'f7\'e5\'ed\'e8\'ff \'e8\'ed</w:t>
      </w:r>
      <w:r w:rsidRPr="00651F56">
        <w:rPr>
          <w:rFonts w:ascii="Courier New" w:hAnsi="Courier New" w:cs="Courier New"/>
        </w:rPr>
        <w:t>\'e4\'e8\'ea\'e0\'f2\'ee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, \'f3\'e2\'e5\'eb\'e8\'f7\'e8\'e2\'f8\'e5\'e3\'ee\'f1\'ff \'ed\'e0 \'e1\'ee\'eb\'fc\'f8\'f3\'fe \'e2\'e5\'eb\'e8\'f7\'e8\'ed\'f3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widctlpar\wrapdefault\aspalpha\aspnum\faauto\adjustr</w:t>
      </w:r>
      <w:r w:rsidRPr="00651F56">
        <w:rPr>
          <w:rFonts w:ascii="Courier New" w:hAnsi="Courier New" w:cs="Courier New"/>
        </w:rPr>
        <w:t>ight\rin0\lin0\itap0\pararsid8990346 {\rtlch\fcs1 \af0\afs22 \ltrch\fcs0 \fs22\insrsid8990346\charrsid8990346 \'cf\'f0\'e8 \'f3\'e2\'e5\'eb\'e8\'f7\'e5\'ed\'e8\'e8 \'c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5\'e4\'e8\'f2\'ee\'f0\'ee\'ec \'f0\'e0\'e7\'ec\'e5\'f0\'e0 \'ef\'f0\'ee\'f6\'e5</w:t>
      </w:r>
      <w:r w:rsidRPr="00651F56">
        <w:rPr>
          <w:rFonts w:ascii="Courier New" w:hAnsi="Courier New" w:cs="Courier New"/>
        </w:rPr>
        <w:t xml:space="preserve">\'ed\'f2\'ed\'ee\'e9 \'f1\'f2\'e0\'e2\'ea\'e8 \'e2 \'ee\'e4\'ed\'ee\'f1\'f2\'ee\'f0\'ee\'ed\'ed\'e5\'ec \'ef\'ee\'f0\'ff\'e4\'ea\'e5, \'ca\'f0\'e5\'e4\'e8\'f2\'ee\'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0\'ef\'f0\'e0\'e2\'eb\'ff\'e5\'f2 \'c7\'e0\'e5\'ec\'f9\'e8\'ea\'f3 \'ef\'e8\'f1\</w:t>
      </w:r>
      <w:r w:rsidRPr="00651F56">
        <w:rPr>
          <w:rFonts w:ascii="Courier New" w:hAnsi="Courier New" w:cs="Courier New"/>
        </w:rPr>
        <w:t>'fc\'ec\'e5\'ed\'ed\'ee\'e5 \'f3\'e2\'e5\'e4\'ee\'ec\'eb\'e5\'ed\'e8\'e5 \'e2 \'ef\'f0\'ee\'e8\'e7\'e2\'ee\'eb\'fc\'ed\'ee\'e9 \'f4\'ee\'f0\'ec\'e5 \'ee\'e1 \'f3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b\'e8\'f7\'e5\'ed\'e8\'e8 \'ef\'f0\'ee\'f6\'e5\'ed\'f2\'ed\'ee\'e9 \'f1\'f2\'e0\'e</w:t>
      </w:r>
      <w:r w:rsidRPr="00651F56">
        <w:rPr>
          <w:rFonts w:ascii="Courier New" w:hAnsi="Courier New" w:cs="Courier New"/>
        </w:rPr>
        <w:t>2\'ea\'e8 \'f1 \'ed\'e0\'f0\'ee\'f7\'ed\'fb\'ec \'e8\'eb\'e8 \'e7\'e0\'ea\'e0\'e7\'ed\'fb\'ec \'ef\'ee\'f7\'f2\'ee\'e2\'fb\'ec \'ee\'f2\'ef\'f0\'e0\'e2\'eb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5\'ec \'f1 \'ee\'ef\'e8\'f1\'fc\'fe \'e2\'eb\'ee\'e6\'e5\'ed\'e8\'ff \'e8 \'f3\'e2\'</w:t>
      </w:r>
      <w:r w:rsidRPr="00651F56">
        <w:rPr>
          <w:rFonts w:ascii="Courier New" w:hAnsi="Courier New" w:cs="Courier New"/>
        </w:rPr>
        <w:t>e5\'e4\'ee\'ec\'eb\'e5\'ed\'e8\'e5\'ec \'ee \'e2\'f0\'f3\'f7\'e5\'ed\'e8\'e8. \'cd\'ee\'e2\'e0\'ff \'ef\'f0\'ee\'f6\'e5\'ed\'f2\'ed\'e0\'ff \'f1\'f2\'e0\'e2\'ea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ed\'e0\'f7\'e8\'ed\'e0\'e5\'f2 \'e4\'e5\'e9\'f1\'f2\'e2\'ee\'e2\'e0\'f2\'fc \'f1 1 \'f7</w:t>
      </w:r>
      <w:r w:rsidRPr="00651F56">
        <w:rPr>
          <w:rFonts w:ascii="Courier New" w:hAnsi="Courier New" w:cs="Courier New"/>
        </w:rPr>
        <w:t>\'e8\'f1\'eb\'e0 \'e2\'f2\'ee\'f0\'ee\'e3\'ee \'ec\'e5\'f1\'ff\'f6\'e0, \'f1\'eb\'e5\'e4\'f3\'fe\'f9\'e5\'e3\'ee \'e7\'e0 \'ec\'e5\'f1\'ff\'f6\'e5\'ec, \'e2 \'ea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e\'f0\'ee\'ec \'c7\'e0\'e5\'ec\'f9\'e8\'ea\'f3 \'e1\'fb\'eb\'ee \'ed\'e0\'ef\'f0\'</w:t>
      </w:r>
      <w:r w:rsidRPr="00651F56">
        <w:rPr>
          <w:rFonts w:ascii="Courier New" w:hAnsi="Courier New" w:cs="Courier New"/>
        </w:rPr>
        <w:t>e0\'e2\'eb\'e5\'ed\'ee \'ef\'e8\'f1\'fc\'ec\'e5\'ed\'ed\'ee\'e5 \'f3\'e2\'e5\'e4\'ee\'ec\'eb\'e5\'ed\'e8\'e5 \'ee\'e1 \'f3\'e2\'e5\'eb\'e8\'f7\'e5\'ed\'e8\'e8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e\'f6\'e5\'ed\'f2\'ed\'ee\'e9 \'f1\'f2\'e0\'e2\'ea\'e8. \'d3\'ea\'e0\'e7\'e0\'ed\'ed</w:t>
      </w:r>
      <w:r w:rsidRPr="00651F56">
        <w:rPr>
          <w:rFonts w:ascii="Courier New" w:hAnsi="Courier New" w:cs="Courier New"/>
        </w:rPr>
        <w:t>\'ee\'e5 \'f3\'e2\'e5\'e4\'ee\'ec\'eb\'e5\'ed\'e8\'e5 \'f1\'f7\'e8\'f2\'e0\'e5\'f2\'f1\'ff \'ed\'e0\'ef\'f0\'e0\'e2\'eb\'e5\'ed\'ed\'fb\'ec \'e2 \'ec\'ee\'ec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d\'f2 \'e2\'f0\'f3\'f7\'e5\'ed\'e8\'ff \'c7\'e0\'e5\'ec\'f9\'e8\'ea\'f3, \'e5\'f1\'eb\'e8 </w:t>
      </w:r>
      <w:r w:rsidRPr="00651F56">
        <w:rPr>
          <w:rFonts w:ascii="Courier New" w:hAnsi="Courier New" w:cs="Courier New"/>
        </w:rPr>
        <w:t>\'ee\'ed\'ee \'ed\'e0\'ef\'f0\'e0\'e2\'eb\'e5\'ed\'ee \'f1 \'ed\'e0\'f0\'ee\'f7\'ed\'fb\'ec, \'e8\'eb\'e8 \'e2 \'ec\'ee\'ec\'e5\'ed\'f2 \'f1\'e4\'e0\'f7\'e8 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 \'e2 \'ee\'f0\'e3\'e0\'ed\'e8\'e7\'e0\'f6\'e8\'fe \'f1\'e2\'ff\'e7\'e8, \'e5\'f1\'eb</w:t>
      </w:r>
      <w:r w:rsidRPr="00651F56">
        <w:rPr>
          <w:rFonts w:ascii="Courier New" w:hAnsi="Courier New" w:cs="Courier New"/>
        </w:rPr>
        <w:t>\'e8 \'ee\'ed\'ee \'ed\'e0\'ef\'f0\'e0\'e2\'eb\'e5\'ed\'ee \'c7\'e0\'e5\'ec\'f9\'e8\'ea\'f3 \'e7\'e0\'ea\'e0\'e7\'ed\'fb\'ec \'ef\'ee\'f7\'f2\'ee\'e2\'fb\'ec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f\'f0\'e0\'e2\'eb\'e5\'ed\'e8\'e5\'ec \'f1 \'ee\'ef\'e8\'f1\'fc\'fe \'e2\'eb\'ee\'e6\</w:t>
      </w:r>
      <w:r w:rsidRPr="00651F56">
        <w:rPr>
          <w:rFonts w:ascii="Courier New" w:hAnsi="Courier New" w:cs="Courier New"/>
        </w:rPr>
        <w:t>'e5\'ed\'e8\'ff \'e8 \'f3\'e2\'e5\'e4\'ee\'ec\'eb\'e5\'ed\'e8\'e5 \'ee \'e2\'f0\'f3\'f7\'e5\'ed\'e8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8990346 {\rtlch\fcs1 \af0\afs22 \ltrc</w:t>
      </w:r>
      <w:r w:rsidRPr="00651F56">
        <w:rPr>
          <w:rFonts w:ascii="Courier New" w:hAnsi="Courier New" w:cs="Courier New"/>
        </w:rPr>
        <w:t>h\fcs0 \fs22\insrsid8990346\charrsid8990346 \'c2 \'f1\'eb\'f3\'f7\'e0\'e5, \'e5\'f1\'eb\'e8 \'ef\'ee\'f1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f\'ee\'e2\'fb\'f8\'e5\'ed\'e8\'ff \'cb\'fc\'e3\'ee\'f2\'ed\'ee\'e9 \'f1\'f2\'e0\'e2\'ea\'e8 \'ea\'f0\'e5\'e4\'e8\'f2\'ee\'e2\'e0\'ed\'e8\'</w:t>
      </w:r>
      <w:r w:rsidRPr="00651F56">
        <w:rPr>
          <w:rFonts w:ascii="Courier New" w:hAnsi="Courier New" w:cs="Courier New"/>
        </w:rPr>
        <w:t>ff \'e2 \'f1\'e2\'ff\'e7\'e8 \'f1 \'f0\'ee\'f1\'f2\'ee\'ec \'ef\'f0\'ee\'f6\'e5\'ed\'f2\'ed\'fb\'f5 \'e8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8\'ea\'e0\'f2\'ee\'f0\'ee\'e2, \'f0\'e0\'e7\'ec\'e5\'f0 \'f4\'e0\'ea\'f2\'e8\'f7\'e5\'f1\'ea\'ee\'e9 \'f1\'f2\'e0\'e2\'ea\'e8 \'ea\'f0\'e5\</w:t>
      </w:r>
      <w:r w:rsidRPr="00651F56">
        <w:rPr>
          <w:rFonts w:ascii="Courier New" w:hAnsi="Courier New" w:cs="Courier New"/>
        </w:rPr>
        <w:t xml:space="preserve">'e4\'e8\'f2\'ee\'e2\'e0\'ed\'e8\'ff \'ef\'f0\'e5\'e2\'fb\'f8\'e0\'e5\'f2 \'e7\'ed\'e0\'f7\'e5\'ed\'e8\'e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b\'fc\'e3\'ee\'f2\'ed\'ee\'e9 \'f1\'f2\'e0\'e2\'ea\'e8 \'ea\'f0\'e5\'e4\'e8\'f2\'ee\'e2\'e0\'ed\'e8\'ff \'ec\'e0\'ea\'f1\'e8\'ec\'e0\'eb\'fc\'ed\</w:t>
      </w:r>
      <w:r w:rsidRPr="00651F56">
        <w:rPr>
          <w:rFonts w:ascii="Courier New" w:hAnsi="Courier New" w:cs="Courier New"/>
        </w:rPr>
        <w:t>'ee\'e9, \'ef\'ee\'eb\'f3\'f7\'e5\'ed\'e8\'e5 \'f1\'f3\'e1\'f1\'e8\'e4\'e8\'e9 \'ee\'f2 \'cc\'e8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2\'e5\'f0\'f1\'f2\'e2\'e0 \'fd\'ea\'ee\'ed\'ee\'ec\'e8\'f7\'e5\'f1\'ea\'ee\'e3\'ee \'f0\'e0\'e7\'e2\'e8\'f2\'e8\'ff \'d0\'d4 \'ef\'f0\'e5\'ea\'</w:t>
      </w:r>
      <w:r w:rsidRPr="00651F56">
        <w:rPr>
          <w:rFonts w:ascii="Courier New" w:hAnsi="Courier New" w:cs="Courier New"/>
        </w:rPr>
        <w:t>f0\'e0\'f9\'e0\'e5\'f2\'f1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widctlpar\tx317\wrapdefault\aspalpha\aspnum\faauto\adjustright\rin0\lin0\itap0\pararsid8990346 \rtlch\fcs1 \af0\afs24\alang1025 \ltrch\fcs0 \f1\fs20\lang1049\langfe1049\cgrid\langnp</w:t>
      </w:r>
      <w:r w:rsidRPr="00651F56">
        <w:rPr>
          <w:rFonts w:ascii="Courier New" w:hAnsi="Courier New" w:cs="Courier New"/>
        </w:rPr>
        <w:t xml:space="preserve">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i\af0\afs22 \ltrch\fcs0 \f0\fs22\insrsid8990346\charrsid8990346 \'cf\'ee\'f0\'ff\'e4\'ee\'ea \'f3\'ef\'eb\'e0\'f2\'fb \'ef\'f0\'ee\'f6\'e5\'ed\'f2\'ee\'e2: \'cf\'f0\'ee\'f6\'e5\'ed\'f2\'fb \'ed\'e0\'f7\'e8\'f1\'eb\'ff\'fe</w:t>
      </w:r>
      <w:r w:rsidRPr="00651F56">
        <w:rPr>
          <w:rFonts w:ascii="Courier New" w:hAnsi="Courier New" w:cs="Courier New"/>
        </w:rPr>
        <w:t>\'f2\'f1\'ff \'ed\'e0 \'ce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2\'ed\'ee\'e9 \'e4\'ee\'eb\'e3, \'ed\'e0\'f7\'e8\'ed\'e0\'ff \'f1 \'e4\'e0\'f2\'fb, \'f1\'eb\'e5\'e4\'f3\'fe\'f9\'e5\'e9 \'e7\'e0 \'e4\'e0\'f2\'ee\'e9 \'ef\'e5\'f0\'e2\'ee\'e3\'ee \'ef\'f0\'e5\'e4\'ee\'f1\'f2\'e0\</w:t>
      </w:r>
      <w:r w:rsidRPr="00651F56">
        <w:rPr>
          <w:rFonts w:ascii="Courier New" w:hAnsi="Courier New" w:cs="Courier New"/>
        </w:rPr>
        <w:t>'e2\'eb\'e5\'ed\'e8\'ff \'c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5\'e4\'e8\'f2\'e0 \'e2 \'f0\'e0\'ec\'ea\'e0\'f5 \'ea\'f0\'e5\'e4\'e8\'f2\'ed\'ee\'e9 \'eb\'e8\'ed\'e8\'e8, \'ef\'ee \'e4\'e0\'f2\'f3 \'f4\'e0\'ea\'f2\'e8\'f7\'e5\'f1\'ea\'ee\'e3\'ee \'ee\'ea\'ee\'ed\'f7\'e0\'f2\'e5\'eb\</w:t>
      </w:r>
      <w:r w:rsidRPr="00651F56">
        <w:rPr>
          <w:rFonts w:ascii="Courier New" w:hAnsi="Courier New" w:cs="Courier New"/>
        </w:rPr>
        <w:t>'fc\'ed\'ee\'e3\'ee \'ef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0\'f8\'e5\'ed\'e8\'ff \'ca\'f0\'e5\'e4\'e8\'f2\'ee\'e2 \'e2 \'f0\'e0\'ec\'ea\'e0\'f5 \'ca\'f0\'e5\'e4\'e8\'f2\'ed\'ee\'e9 \'eb\'e8\'ed\'e8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\'e5\'ec\'f9\'e8\'ea \'ee\'e1\'ff\'e7\'f3\'e5\'f2\'f1\'ff \'f</w:t>
      </w:r>
      <w:r w:rsidRPr="00651F56">
        <w:rPr>
          <w:rFonts w:ascii="Courier New" w:hAnsi="Courier New" w:cs="Courier New"/>
        </w:rPr>
        <w:t>3\'ef\'eb\'e0\'f7\'e8\'e2\'e0\'f2\'fc \'ef\'f0\'ee\'f6\'e5\'ed\'f2\'fb \'e5\'e6\'e5\'ec\'e5\'f1\'ff\'f7\'ed\'ee, \'f1 1 \'ef\'ee 15 \'f7\'e8\'f1\'eb\'ee \'ea\'e0\'e6\'e4\'ee\'e3\'ee 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1\'ff\'f6\'e0, \'ed\'e0\'f7\'e8\'f1\'eb\'e5\'ed\'ed\'fb\'e5 \</w:t>
      </w:r>
      <w:r w:rsidRPr="00651F56">
        <w:rPr>
          <w:rFonts w:ascii="Courier New" w:hAnsi="Courier New" w:cs="Courier New"/>
        </w:rPr>
        <w:t>'e7\'e0 \'ef\'f0\'e5\'e4\'fb\'e4\'f3\'f9\'e8\'e9 \'ec\'e5\'f1\'ff\'f6, \'ed\'e0\'f7\'e8\'ed\'e0\'ff \'f1 \'e4\'e0\'f2\'fb \'ef\'f0\'e5\'e4\'ee\'f1\'f2\'e0\'e2\'eb\'e5\'ed\'e8\'ff \'ef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2\'ee\'e3\'ee \'ca\'f0\'e5\'e4\'e8\'f2\'e0 \'e2 \'f0\'e0\'ec</w:t>
      </w:r>
      <w:r w:rsidRPr="00651F56">
        <w:rPr>
          <w:rFonts w:ascii="Courier New" w:hAnsi="Courier New" w:cs="Courier New"/>
        </w:rPr>
        <w:t>\'ea\'e0\'f5 \'ca\'f0\'e5\'e4\'e8\'f2\'ed\'ee\'e9 \'eb\'e8\'ed\'e8\'e8, \'e0 \'f2\'e0\'ea\'e6\'e5 \'e2 \'e4\'e0\'f2\'f3 \'ee\'ea\'ee\'ed\'f7\'e0\'f2\'e5\'eb\'fc\'ed\'ee\'e3\'ee \'ef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0\'f8\'e5\'ed\'e8\'ff \'ca\'f0\'e5\'e4\'e8\'f2\'ed\'ee\'e9 \'e</w:t>
      </w:r>
      <w:r w:rsidRPr="00651F56">
        <w:rPr>
          <w:rFonts w:ascii="Courier New" w:hAnsi="Courier New" w:cs="Courier New"/>
        </w:rPr>
        <w:t xml:space="preserve">b\'e8\'ed\'e8\'e8.   }{\rtlch\fcs1 \af0\afs22 \ltrch\fcs0 \f0\fs22\insrsid8990346\charrsid899034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1\'f3\'ec\'ec\'fb \'ef\'f0\'e8\'f7\'e8\'f2\'e0\'fe\'f9\'e8\'f5\'f1\'ff \'ea \'ef\'ee\'e3\'e0\'f8\'e5\'ed\'e8\'fe \'c7\'e0\'e5\'ec\'f9\'e8\'ea\'ee\'e</w:t>
      </w:r>
      <w:r w:rsidRPr="00651F56">
        <w:rPr>
          <w:rFonts w:ascii="Courier New" w:hAnsi="Courier New" w:cs="Courier New"/>
        </w:rPr>
        <w:t>c \'ef\'f0\'ee\'f6\'e5\'ed\'f2\'ee\'e2 \'ef\'ee \'d1\'ee\'e3\'eb\'e0\'f8\'e5\'ed\'e8\'fe \'e8\'f1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1\'eb\'ff\'fe\'f2\'f1\'ff \'ef\'ee \'f4\'ee\'f0\'ec\'f3\'eb\'e5 \'ef\'f0\'ee\'f1\'f2\'fb\'f5 \'ef\'f0\'ee\'f6\'e5\'ed\'f2\'ee\'e2 \'ed\'e5\'ef\'f0</w:t>
      </w:r>
      <w:r w:rsidRPr="00651F56">
        <w:rPr>
          <w:rFonts w:ascii="Courier New" w:hAnsi="Courier New" w:cs="Courier New"/>
        </w:rPr>
        <w:t>\'e5\'f0\'fb\'e2\'ed\'ee \'ed\'e0\'f0\'e0\'f1\'f2\'e0\'fe\'f9\'e8\'ec \'e8\'f2\'ee\'e3\'ee\'ec 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f4\'e0\'ea\'f2\'e8\'f7\'e5\'f1\'ea\'ee\'e5 \'ea\'ee\'eb\'e8\'f7\'e5\'f1\'f2\'e2\'ee \'e4\'ed\'e5\'e9 \'ef\'ee\'eb\'fc\'e7\'ee\'e2\'e0\'ed\'e8\'ff \'</w:t>
      </w:r>
      <w:r w:rsidRPr="00651F56">
        <w:rPr>
          <w:rFonts w:ascii="Courier New" w:hAnsi="Courier New" w:cs="Courier New"/>
        </w:rPr>
        <w:t>ca\'f0\'e5\'e4\'e8\'f2\'ee\'ec, \'ef\'f0\'e8 \'fd\'f2\'ee\'ec \'e3\'ee\'e4 \'ef\'f0\'e8\'ed\'e8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5\'f2\'f1\'ff \'f0\'e0\'e2\'ed\'fb\'ec 365 \'e8\'eb\'e8 366 \'e4\'ed\'ff\'ec \'e2 \'f1\'ee\'ee\'f2\'e2\'e5\'f2\'f1\'f2\'e2\'e8\'e8 \'f1 \'e4\'e5\'e9</w:t>
      </w:r>
      <w:r w:rsidRPr="00651F56">
        <w:rPr>
          <w:rFonts w:ascii="Courier New" w:hAnsi="Courier New" w:cs="Courier New"/>
        </w:rPr>
        <w:t>\'f1\'f2\'e2\'e8\'f2\'e5\'eb\'fc\'ed\'fb\'ec \'f7\'e8\'f1\'eb\'ee\'ec \'ea\'e0\'eb\'e5\'ed\'e4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d\'fb\'f5 \'e4\'ed\'e5\'e9 \'e2 \'e3\'ee\'e4\'f3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wrapdefault\aspalpha\aspnum\faauto\adjustright\rin</w:t>
      </w:r>
      <w:r w:rsidRPr="00651F56">
        <w:rPr>
          <w:rFonts w:ascii="Courier New" w:hAnsi="Courier New" w:cs="Courier New"/>
        </w:rPr>
        <w:t xml:space="preserve">0\lin0\itap0\pararsid8990346 \rtlch\fcs1 \af0\afs20\alang1025 \ltrch\fcs0 \fs20\lang1049\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8990346\charrsid8990346 \'ca\'ee\'ec\'e8\'f1\'f1\'e8\'e8/ \'e2\'ee\'e7</w:t>
      </w:r>
      <w:r w:rsidRPr="00651F56">
        <w:rPr>
          <w:rFonts w:ascii="Courier New" w:hAnsi="Courier New" w:cs="Courier New"/>
        </w:rPr>
        <w:t>\'ed\'e0\'e3\'f0\'e0\'e6\'e4\'e5\'ed\'e8\'ff/\'ed\'e5\'f3\'f1\'f2\'ee\'e9\'ea\'e8/\'f8\'f2\'f0\'e0\'f4\'fb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6\ql \li0\ri0\widctlpar\wrapdefault\aspalpha\aspnum\faauto\adjustright\rin0\lin0\itap0\pararsid8990346 \rtlch\fcs1 \af0</w:t>
      </w:r>
      <w:r w:rsidRPr="00651F56">
        <w:rPr>
          <w:rFonts w:ascii="Courier New" w:hAnsi="Courier New" w:cs="Courier New"/>
        </w:rPr>
        <w:t xml:space="preserve">\afs20\alang1025 \ltrch\fcs0 \fs20\lang1049\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8990346\charrsid8990346 \'c7\'e0 \'ee\'e1\'ff\'e7\'e0\'f2\'e5\'eb\'fc\'f1\'f2\'e2\'ee:}{\rtlch\fcs1 \ab\af0\afs22 \</w:t>
      </w:r>
      <w:r w:rsidRPr="00651F56">
        <w:rPr>
          <w:rFonts w:ascii="Courier New" w:hAnsi="Courier New" w:cs="Courier New"/>
        </w:rPr>
        <w:t xml:space="preserve">ltrch\fcs0 \fs22\insrsid8990346\charrsid8990346  0,55% \'e3\'ee\'e4\'ee\'e2\'fb\'f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wrapdefault\aspalpha\aspnum\faauto\adjustright\rin0\lin0\itap0\pararsid8990346 \rtlch\fcs1 \af0\afs20\alang1025 \ltrch\fcs</w:t>
      </w:r>
      <w:r w:rsidRPr="00651F56">
        <w:rPr>
          <w:rFonts w:ascii="Courier New" w:hAnsi="Courier New" w:cs="Courier New"/>
        </w:rPr>
        <w:t xml:space="preserve">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8990346\charrsid8990346 \'cb\'fc\'e3\'ee\'f2\'ed\'fb\'e9 \'ef\'e5\'f0\'e8\'ee\'e4- 5 \'f0\'e0\'e1\'ee\'f7\'e8\'f5 \'e4\'ed\'e5\'e9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</w:t>
      </w:r>
      <w:r w:rsidRPr="00651F56">
        <w:rPr>
          <w:rFonts w:ascii="Courier New" w:hAnsi="Courier New" w:cs="Courier New"/>
        </w:rPr>
        <w:t xml:space="preserve">ain \ltrpar\s56\ql \li0\ri0\widctlpar\wrapdefault\aspalpha\aspnum\faauto\adjustright\rin0\lin0\itap0\pararsid8990346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</w:t>
      </w:r>
      <w:r w:rsidRPr="00651F56">
        <w:rPr>
          <w:rFonts w:ascii="Courier New" w:hAnsi="Courier New" w:cs="Courier New"/>
        </w:rPr>
        <w:t>\fs22\insrsid8990346\charrsid8990346 \'d3\'ef\'eb\'e0\'f7\'e8\'e2\'e0\'e5\'f2\'f1\'ff \'e2 \'e4\'e0\'f2\'fb, \'f3\'f1\'f2\'e0\'ed\'ee\'e2\'eb\'e5\'ed\'ed\'fb\'e5 \'e4\'eb\'ff \'f3\'ef\'eb\'e0\'f2\'fb \'ef\'f0\'ee\'f6\'e5\'ed\'f2\'ee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</w:t>
      </w:r>
      <w:r w:rsidRPr="00651F56">
        <w:rPr>
          <w:rFonts w:ascii="Courier New" w:hAnsi="Courier New" w:cs="Courier New"/>
        </w:rPr>
        <w:t xml:space="preserve">in \ltrpar\s33\qj \li0\ri0\widctlpar\wrapdefault\nooverflow\faroman\rin0\lin0\itap0\pararsid8990346\contextualspace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</w:t>
      </w:r>
      <w:r w:rsidRPr="00651F56">
        <w:rPr>
          <w:rFonts w:ascii="Courier New" w:hAnsi="Courier New" w:cs="Courier New"/>
        </w:rPr>
        <w:t>fs22\insrsid8990346\charrsid8990346 \'cf\'ee\'f1\'eb\'e5\'e4\'ed\'e8\'e9 \'ef\'eb\'e0\'f2\'e5\'e6 \'f3\'ef\'eb\'e0\'f7\'e8\'e2\'e0\'e5\'f2\'f1\'ff \'e2 \'e4\'e0\'f2\'f3 \'ee\'ea\'ee\'ed\'f7\'e0\'ed\'e8\'ff \'ee\'e1\'f9\'e5\'e3\'ee \'f1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a\'e0 \'</w:t>
      </w:r>
      <w:r w:rsidRPr="00651F56">
        <w:rPr>
          <w:rFonts w:ascii="Courier New" w:hAnsi="Courier New" w:cs="Courier New"/>
        </w:rPr>
        <w:t xml:space="preserve">ef\'f0\'e5\'e4\'ee\'f1\'f2\'e0\'e2\'eb\'e5\'ed\'e8\'ff \'ca\'f0\'e5\'e4\'e8\'f2\'ee\'e2.}{\rtlch\fcs1 \ab\af0\afs22 \ltrch\fcs0 \b\fs22\insrsid8990346\charrsid8990346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 \'e2\'fb\'e4\'e0\'f7\'f3 \'ea\'f0\'e5\'e4\'e8\'f2\'ed\'ee\'e9 \'eb\'e8\'</w:t>
      </w:r>
      <w:r w:rsidRPr="00651F56">
        <w:rPr>
          <w:rFonts w:ascii="Courier New" w:hAnsi="Courier New" w:cs="Courier New"/>
        </w:rPr>
        <w:t xml:space="preserve">ed\'e8\'e8: }{\rtlch\fcs1 \af0\afs22 \ltrch\fcs0 \fs22\insrsid8990346\charrsid8990346 \'ed\'e5 \'e2\'e7\'e8\'ec\'e0\'e5\'f2\'f1\'ff.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b\fs22\insrsid8990346\charrsid899034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33\qj \li0\ri-57\wid</w:t>
      </w:r>
      <w:r w:rsidRPr="00651F56">
        <w:rPr>
          <w:rFonts w:ascii="Courier New" w:hAnsi="Courier New" w:cs="Courier New"/>
        </w:rPr>
        <w:t xml:space="preserve">ctlpar\wrapdefault\nooverflow\faroman\rin-57\lin0\itap0\pararsid8990346\contextualspace {\rtlch\fcs1 \af0\afs22 \ltrch\fcs0 \b\fs22\insrsid8990346\charrsid8990346 \'cd\'e5\'f3\'f1\'f2\'ee\'e9\'ea\'e0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89903</w:t>
      </w:r>
      <w:r w:rsidRPr="00651F56">
        <w:rPr>
          <w:rFonts w:ascii="Courier New" w:hAnsi="Courier New" w:cs="Courier New"/>
        </w:rPr>
        <w:t>46\charrsid8990346  \'e2 \'f0\'e0\'e7\'ec\'e5\'f0\'e5 1% \'e3\'ee\'e4\'ee\'e2\'fb\'f5 \'ee\'f2 \'f1\'f0\'e5\'e4\'ed\'e5\'e9 \'f1\'f3\'ec\'ec\'fb \'e7\'e0\'e4\'ee\'eb\'e6\'e5\'ed\'ed\'ee\'f1\'f2\'e8 \'ef\'ee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ed\'ee\'e2\'ed\'ee\'ec\'f3 \'e4\'ee\'</w:t>
      </w:r>
      <w:r w:rsidRPr="00651F56">
        <w:rPr>
          <w:rFonts w:ascii="Courier New" w:hAnsi="Courier New" w:cs="Courier New"/>
        </w:rPr>
        <w:t>eb\'e3\'f3 \'ef\'ee \'ea\'f0\'e5\'e4\'e8\'f2\'ed\'ee\'ec\'f3 \'f1\'ee\'e3\'eb\'e0\'f8\'e5\'ed\'e8\'fe \'e7\'e0 \'ef\'e5\'f0\'e8\'ee\'e4, \'e2 \'ea\'ee\'f2\'ee\'f0\'ee\'ec \'ee\'e1\'ff\'e7\'e0\'f2\'e5\'eb\'fc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2\'ee \'ef\'ee \'ef\'ee\'e4\'e4\'e5\</w:t>
      </w:r>
      <w:r w:rsidRPr="00651F56">
        <w:rPr>
          <w:rFonts w:ascii="Courier New" w:hAnsi="Courier New" w:cs="Courier New"/>
        </w:rPr>
        <w:t>'f0\'e6\'e0\'ed\'e8\'fe \'ea\'f0\'e5\'e4\'e8\'f2\'ee\'e2\'fb\'f5/ \'e4\'e5\'e1\'e5\'f2\'ee\'e2\'fb\'f5 \'ee\'e1\'ee\'f0\'ee\'f2\'ee\'e2 \'e1\'fb\'eb\'ee \'ed\'e0\'f0\'f3\'f8\'e5\'ed\'ee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30\qj \li0\ri0\widctlpar\wrapdefault\aspa</w:t>
      </w:r>
      <w:r w:rsidRPr="00651F56">
        <w:rPr>
          <w:rFonts w:ascii="Courier New" w:hAnsi="Courier New" w:cs="Courier New"/>
        </w:rPr>
        <w:t xml:space="preserve">lpha\aspnum\faauto\adjustright\rin0\lin0\itap0\pararsid8990346 \rtlch\fcs1 \af0\afs20\alang1025 \ltrch\fcs0 \fs22\lang1049\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insrsid8990346\charrsid8990346 \'d8\'f2\'f0\'e0\</w:t>
      </w:r>
      <w:r w:rsidRPr="00651F56">
        <w:rPr>
          <w:rFonts w:ascii="Courier New" w:hAnsi="Courier New" w:cs="Courier New"/>
        </w:rPr>
        <w:t>'f4 \'e2 \'f0\'e0\'e7\'ec\'e5\'f0\'e5\~0.01% \'ee\'f2 \'f1\'f3\'ec\'ec\'fb \'ee\'f1\'f2\'e0\'f2\'ea\'e0 \'ee\'f1\'ed\'ee\'e2\'ed\'ee\'e3\'ee \'e4\'ee\'eb\'e3\'e0 \'ef\'ee \'ea\'f0\'e5\'e4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f2\'ed\'ee\'ec\'f3 \'f1\'ee\'e3\'eb\'e0\'f8\'e5\'ed\'e8\'fe, </w:t>
      </w:r>
      <w:r w:rsidRPr="00651F56">
        <w:rPr>
          <w:rFonts w:ascii="Courier New" w:hAnsi="Courier New" w:cs="Courier New"/>
        </w:rPr>
        <w:t>\'f1\'eb\'ee\'e6\'e8\'e2\'f8\'e5\'e3\'ee\'f1\'ff \'ed\'e0 \'ec\'ee\'ec\'e5\'ed\'f2 \'e2\'fb\'ff\'e2\'eb\'e5\'ed\'e8\'ff \'ed\'e0\'f0\'f3\'f8\'e5\'ed\'e8\'ff, \'e2 \'f1\'eb\'f3\'f7\'e0\'e5 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8\'f1\'ef\'ee\'eb\'ed\'e5\'ed\'e8\'ff\\\'ed\'e5\'ed\'e0</w:t>
      </w:r>
      <w:r w:rsidRPr="00651F56">
        <w:rPr>
          <w:rFonts w:ascii="Courier New" w:hAnsi="Courier New" w:cs="Courier New"/>
        </w:rPr>
        <w:t xml:space="preserve">\'e4\'eb\'e5\'e6\'e0\'f9\'e5\'e3\'ee \'e8\'f1\'ef\'ee\'eb\'ed\'e5\'ed\'e8\'ff \'e7\'e0\'e5\'ec\'f9\'e8\'ea\'ee\'ec \'f4\'e8\'ed\'e0\'ed\'f1\'ee\'e2\'fb\'f5 \'ea\'ee\'e2\'e5\'ed\'e0\'ed\'f2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nowidctlpar\wrapdefault\</w:t>
      </w:r>
      <w:r w:rsidRPr="00651F56">
        <w:rPr>
          <w:rFonts w:ascii="Courier New" w:hAnsi="Courier New" w:cs="Courier New"/>
        </w:rPr>
        <w:t xml:space="preserve">aspalpha\aspnum\faauto\adjustright\rin0\lin0\itap0\pararsid8990346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8990346\charrsid8990346 \'cd\'e5\'f</w:t>
      </w:r>
      <w:r w:rsidRPr="00651F56">
        <w:rPr>
          <w:rFonts w:ascii="Courier New" w:hAnsi="Courier New" w:cs="Courier New"/>
        </w:rPr>
        <w:t>3\'f1\'f2\'ee\'e9\'ea\'e0}{\rtlch\fcs1 \af0\afs22 \ltrch\fcs0 \fs22\insrsid8990346\charrsid8990346  \'e2 \'f0\'e0\'e7\'ec\'e5\'f0\'e5 1/365 \'ec\'e0\'ea\'f1\'e8\'ec\'e0\'eb\'fc\'ed\'ee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e\'f6\'e5\'ed\'f2\'ed\'ee\'e9 \'f1\'f2\'e0\'e2\'ea\'e8</w:t>
      </w:r>
      <w:r w:rsidRPr="00651F56">
        <w:rPr>
          <w:rFonts w:ascii="Courier New" w:hAnsi="Courier New" w:cs="Courier New"/>
        </w:rPr>
        <w:t xml:space="preserve"> \'ee\'f2 \'f1\'f3\'ec\'ec\'fb \'ef\'f0\'ee\'f1\'f0\'ee\'f7\'e5\'ed\'ed\'ee\'e9 \'e7\'e0\'e4\'ee\'eb\'e6\'e5\'ed\'ed\'ee\'f1\'f2\'e8 \'ef\'ee \'ce\'f1\'ed\'ee\'e2\'ed\'ee\'ec\'f3 \'e4\'ee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f3 \'e7\'e0 \'ea\'e0\'e6\'e4\'fb\'e9 \'e4\'e5\'ed\'fc \'e</w:t>
      </w:r>
      <w:r w:rsidRPr="00651F56">
        <w:rPr>
          <w:rFonts w:ascii="Courier New" w:hAnsi="Courier New" w:cs="Courier New"/>
        </w:rPr>
        <w:t>f\'f0\'ee\'f1\'f0\'ee\'f7\'ea\'e8, \'ed\'e0\'f7\'e8\'f1\'eb\'ff\'e5\'ec\'e0\'ff \'e2 \'f1\'eb\'f3\'f7\'e0\'e5 \'e2\'ee\'e7\'ed\'e8\'ea\'ed\'ee\'e2\'e5\'ed\'e8\'ff \'ef\'f0\'ee\'f1\'f0\'ee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ed\'ee\'e9 \'e7\'e0\'e4\'ee\'eb\'e6\'e5\'ed\'ed\'ee\'</w:t>
      </w:r>
      <w:r w:rsidRPr="00651F56">
        <w:rPr>
          <w:rFonts w:ascii="Courier New" w:hAnsi="Courier New" w:cs="Courier New"/>
        </w:rPr>
        <w:t xml:space="preserve">f1\'f2\'e8 \'ef\'ee \'ce\'f1\'ed\'ee\'e2\'ed\'ee\'ec\'f3 \'e4\'ee\'eb\'e3\'f3;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8990346 {\rtlch\fcs1 \af0\afs22 \ltrch\fcs0 \b\fs22\insrsid899</w:t>
      </w:r>
      <w:r w:rsidRPr="00651F56">
        <w:rPr>
          <w:rFonts w:ascii="Courier New" w:hAnsi="Courier New" w:cs="Courier New"/>
        </w:rPr>
        <w:t xml:space="preserve">0346\charrsid8990346 \'cd\'e5\'f3\'f1\'f2\'ee\'e9\'ea\'e0 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8990346\charrsid8990346 \'e2 \'f0\'e0\'e7\'ec\'e5\'f0\'e5 2/365 \'ec\'e0\'ea\'f1\'e8\'ec\'e0\'eb\'fc\'ed\'ee\'e9 \'ef\'f0\'ee\'f6\'e5\'ed\'f2\'ed\</w:t>
      </w:r>
      <w:r w:rsidRPr="00651F56">
        <w:rPr>
          <w:rFonts w:ascii="Courier New" w:hAnsi="Courier New" w:cs="Courier New"/>
        </w:rPr>
        <w:t>'ee\'e9 \'f1\'f2\'e0\'e2\'ea\'e8 \'ee\'f2 \'f1\'f3\'ec\'ec\'fb \'ef\'f0\'ee\'f1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f7\'e5\'ed\'ed\'ee\'e9 \'e7\'e0\'e4\'ee\'eb\'e6\'e5\'ed\'ed\'ee\'f1\'f2\'e8 \'ef\'ee \'ef\'f0\'ee\'f6\'e5\'ed\'f2\'e0\'ec/\'ea\'ee\'ec\'e8\'f1\'f1\'e8\'ff\'ec \'e7\'</w:t>
      </w:r>
      <w:r w:rsidRPr="00651F56">
        <w:rPr>
          <w:rFonts w:ascii="Courier New" w:hAnsi="Courier New" w:cs="Courier New"/>
        </w:rPr>
        <w:t xml:space="preserve">e0 \'ea\'e0\'e6\'e4\'fb\'e9 \'e4\'e5\'ed\'fc \'ef\'f0\'ee\'f1\'f0\'ee\'f7\'ea\'e8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0\'f7\'e8\'f1\'eb\'ff\'e5\'ec\'e0\'ff \'e2 \'f1\'eb\'f3\'f7\'e0\'e5 \'e2\'ee\'e7\'ed\'e8\'ea\'ed\'ee\'e2\'e5\'ed\'e8\'ff \'ef\'f0\'ee\'f1\'f0\'ee\'f7\'e5\'ed\'ed\'e</w:t>
      </w:r>
      <w:r w:rsidRPr="00651F56">
        <w:rPr>
          <w:rFonts w:ascii="Courier New" w:hAnsi="Courier New" w:cs="Courier New"/>
        </w:rPr>
        <w:t>e\'e9 \'e7\'e0\'e4\'ee\'eb\'e6\'e5\'ed\'ed\'ee\'f1\'f2\'e8 \'ef\'ee \'ef\'f0\'ee\'f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f2\'e0\'ec/\'ea\'ee\'ec\'e8\'f1\'f1\'e8\'e8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fs22\insrsid8990346\charrsid8990346 \'c8\'ed\'fb\'e5 \'ea\'ee\'ec\'e</w:t>
      </w:r>
      <w:r w:rsidRPr="00651F56">
        <w:rPr>
          <w:rFonts w:ascii="Courier New" w:hAnsi="Courier New" w:cs="Courier New"/>
        </w:rPr>
        <w:t>8\'f1\'f1\'e8\'e8, \'ed\'e0\'e4\'e1\'e0\'e2\'ea\'e8 \'ea \'ef\'f0\'ee\'f6\'e5\'ed\'f2\'ed\'ee\'e9 \'f1\'f2\'e0\'e2\'ea\'e5 \'e8 \'f1\'e0\'ed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6\'e8\'e8 (\'ed\'e5\'f3\'f1\'f2\'ee\'e9\'ea\'e8, \'f8\'f2\'f0\'e0\'f4\'fb, \'ef\'e5\'ed\'e8 \'e8 \'f2.\'e4.</w:t>
      </w:r>
      <w:r w:rsidRPr="00651F56">
        <w:rPr>
          <w:rFonts w:ascii="Courier New" w:hAnsi="Courier New" w:cs="Courier New"/>
        </w:rPr>
        <w:t>), \'ef\'f0\'e5\'e4\'f3\'f1\'ec\'ee\'f2\'f0\'e5\'ed\'ed\'fb\'e5 \'ea\'f0\'e5\'e4\'e8\'f2\'ed\'fb\'ec \'f1\'ee\'e3\'eb\'e0\'f8\'e5\'ed\'e8\'e5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e8 \'e4\'ee\'e3\'ee\'e2\'ee\'f0\'ee\'ec \'ef\'ee\'f0\'f3\'f7\'e8\'f2\'e5\'eb\'fc\'f1\'f2\'e2\'e0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</w:t>
      </w:r>
      <w:r w:rsidRPr="00651F56">
        <w:rPr>
          <w:rFonts w:ascii="Courier New" w:hAnsi="Courier New" w:cs="Courier New"/>
        </w:rPr>
        <w:t>cf\'ee\'f0\'f3\'f7\'e8\'f2\'e5\'eb\'fc\'f1\'f2\'e2\'ee \'ef\'ee \'c4\'ee\'e3\'ee\'e2\'ee\'f0\'f3 \'ef\'ee\'f0\'f3\'f7\'e8\'f2\'e5\'eb\'fc\'f1\'f2\'e2\'e0 \'ff\'e2\'eb\'ff\'e5\'f2\'f1\'ff \'f1\'ee\'eb\'e8\'e4\'e0\'f0\'ed\'fb\'ec \'e8 \'ef\'f0\'e5\'e4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</w:t>
      </w:r>
      <w:r w:rsidRPr="00651F56">
        <w:rPr>
          <w:rFonts w:ascii="Courier New" w:hAnsi="Courier New" w:cs="Courier New"/>
        </w:rPr>
        <w:t>'f1\'f2\'e0\'e2\'eb\'e5\'ed\'ee \'f1\'f0\'ee\'ea\'ee\'ec \'ed\'e0 3\~561 \'ea\'e0\'eb\'e5\'ed\'e4\'e0\'f0\'ed\'fb\'e9 \'e4\'e5\'ed\'fc \'f1 \'e4\'e0\'f2\'fb \'e7\'e0\'ea\'eb\'fe\'f7\'e5\'ed\'e8\'ff \'c4\'ee\'e3\'ee\'e2\'ee\'f0\'e0 \'ef\'ee\'f0\'f3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</w:t>
      </w:r>
      <w:r w:rsidRPr="00651F56">
        <w:rPr>
          <w:rFonts w:ascii="Courier New" w:hAnsi="Courier New" w:cs="Courier New"/>
        </w:rPr>
        <w:t>8\'f2\'e5\'eb\'fc\'f1\'f2\'e2\'e0. \'cf\'ee \'c4\'ee\'e3\'ee\'e2\'ee\'f0\'f3 \'ef\'ee\'f0\'f3\'f7\'e8\'f2\'e5\'eb\'fc\'f1\'f2\'e2\'e0 \'cf\'ee\'f0\'f3\'f7\'e8\'f2\'e5\'eb\'fc \'ee\'e1\'ff\'e7\'f3\'e5\'f2\'f1\'ff \'ee\'f2\'e2\'e5\'f7\'e0\'f2\'fc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</w:t>
      </w:r>
      <w:r w:rsidRPr="00651F56">
        <w:rPr>
          <w:rFonts w:ascii="Courier New" w:hAnsi="Courier New" w:cs="Courier New"/>
        </w:rPr>
        <w:t>'f0\'e5\'e4 \'c1\'e0\'ed\'ea\'ee\'ec \'c2\'d2\'c1 (\'cf\'c0\'ce) \'ef\'ee \'e8\'f1\'ef\'ee\'eb\'ed\'e5\'ed\'e8\'fe \'c7\'e0\'e5\'ec\'f9\'e8\'ea\'ee\'ec \'ce\'e1\'ff\'e7\'e0\'f2\'e5\'eb\'fc\'f1\'f2\'e2 \'ef\'ee \'ca\'f0\'e5\'e4\'e8\'f2\'ed\'ee\'ec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f</w:t>
      </w:r>
      <w:r w:rsidRPr="00651F56">
        <w:rPr>
          <w:rFonts w:ascii="Courier New" w:hAnsi="Courier New" w:cs="Courier New"/>
        </w:rPr>
        <w:t xml:space="preserve">1\'ee\'e3\'eb\'e0\'f8\'e5\'ed\'e8\'fe \'e2 \'ef\'ee\'eb\'ed\'ee\'ec \'ee\'e1\'fa\'e5\'ec\'e5.}{\rtlch\fcs1 \af0\afs22 \ltrch\fcs0 \fs22\insrsid8990346\charrsid899034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fs22\insrsid8990346\charrsid8990346 \'c8\</w:t>
      </w:r>
      <w:r w:rsidRPr="00651F56">
        <w:rPr>
          <w:rFonts w:ascii="Courier New" w:hAnsi="Courier New" w:cs="Courier New"/>
        </w:rPr>
        <w:t>'ed\'fb\'e5 \'f3\'f1\'eb\'ee\'e2\'e8\'ff \'c4\'ee\'e3\'ee\'e2\'ee\'f0\'e0 \'ef\'ee\'f0\'f3\'f7\'e8\'f2\'e5\'eb\'fc\'f1\'f2\'e2\'e0, \'ed\'e5 \'f3\'ea\'e0\'e7\'e0\'ed\'ed\'f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2 \'ed\'e0\'f1\'f2\'ee\'ff\'f9\'e5\'ec \'ef\'f0\'ee\'f2\'ee\'ea\'ee\'eb\'</w:t>
      </w:r>
      <w:r w:rsidRPr="00651F56">
        <w:rPr>
          <w:rFonts w:ascii="Courier New" w:hAnsi="Courier New" w:cs="Courier New"/>
        </w:rPr>
        <w:t>e5, \'ee\'ef\'f0\'e5\'e4\'e5\'eb\'ff\'fe\'f2\'f1\'ff \'ef\'ee \'f3\'f1\'ec\'ee\'f2\'f0\'e5\'ed\'e8\'fe \'e5\'e4\'e8\'ed\'ee\'eb\'e8\'f7\'ed\'ee\'e3\'ee \'e8\'f1\'ef\'ee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8\'f2\'e5\'eb\'fc\'ed\'ee\'e3\'ee \'ee\'f0\'e3\'e0\'ed\'e0 \'cf\'ee\'f0\'f3</w:t>
      </w:r>
      <w:r w:rsidRPr="00651F56">
        <w:rPr>
          <w:rFonts w:ascii="Courier New" w:hAnsi="Courier New" w:cs="Courier New"/>
        </w:rPr>
        <w:t xml:space="preserve">\'f7\'e8\'f2\'e5\'eb\'ff.   }{\rtlch\fcs1 \af0\afs22 \ltrch\fcs0 \fs22\insrsid8990346\charrsid899034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1991179 {\rtlch\fcs1 \ab\af0\afs22 \ltr</w:t>
      </w:r>
      <w:r w:rsidRPr="00651F56">
        <w:rPr>
          <w:rFonts w:ascii="Courier New" w:hAnsi="Courier New" w:cs="Courier New"/>
        </w:rPr>
        <w:t xml:space="preserve">ch\fcs0 \b\fs22\insrsid199117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b\fs22\insrsid1991179\charrsid538368 \'c2\'ee\'ef\'f0\'ee\'f1 \'b9 }{\rtlch\fcs1 \ab\af0\afs22 \ltrch\fcs0 \b\fs22\insrsid1991179 3}{\rtlch\fcs1 \ab\af0\afs22 \ltrch\fcs0 \b\fs2</w:t>
      </w:r>
      <w:r w:rsidRPr="00651F56">
        <w:rPr>
          <w:rFonts w:ascii="Courier New" w:hAnsi="Courier New" w:cs="Courier New"/>
        </w:rPr>
        <w:t>2\insrsid1991179\charrsid538368 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5\'f1\'f2\'ea\'e8 \'e4\'ed\'ff \'ee\'e1\'f9\'e5\'e3\'ee \'f1\'ee\'e1\'f0\'e0\'ed\'e8\'ff:}{\rtlch\fcs1 \af0\afs22 \ltrch\fcs0 \fs22\insrsid1991179\charrsid1991179  }{\rtlch\fcs1 \af0\afs22 \ltrch\fcs0 \fs22</w:t>
      </w:r>
      <w:r w:rsidRPr="00651F56">
        <w:rPr>
          <w:rFonts w:ascii="Courier New" w:hAnsi="Courier New" w:cs="Courier New"/>
        </w:rPr>
        <w:t>\insrsid1991179\charrsid8586865 \'c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1 \'ee\'e4\'ee\'e1\'f0\'e5\'ed\'e8\'e8 \'f1\'e4\'e5\'eb\'ea\'e8, \'f1\'ee\'e2\'e5\'f0\'f8\'e0\'e5\'ec\'ee\'e9 \'f1 \'e7\'e0\'e8\'ed\'f2\'e5\'f0\'e5\'f1\'ee\'e2\'e0\'ed\'ed\'ee\'f1\'f2\'fc\'fe \endash  \'e4\'ee\'e3\'</w:t>
      </w:r>
      <w:r w:rsidRPr="00651F56">
        <w:rPr>
          <w:rFonts w:ascii="Courier New" w:hAnsi="Courier New" w:cs="Courier New"/>
        </w:rPr>
        <w:t>ee\'e2\'ee\'f0\'e0 \'ef\'ee\'f0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7\'e8\'f2\'e5\'eb\'fc\'f1\'f2\'e2\'e0 \'b9\'c4\'cf8-\'d6\'d3-702750/2021/00008 \'ee\'f2 03.03.2021 \'e3\'ee\'e4\'e0 \'ec\'e5\'e6\'e4\'f3 \'c0\'ce \'ab\'d2\'e5\'f0\'ec\'e8\'ed\'e0\'eb \'c0\'f1\'f2\'e0\'f4\'fc\'e5\'e2\</w:t>
      </w:r>
      <w:r w:rsidRPr="00651F56">
        <w:rPr>
          <w:rFonts w:ascii="Courier New" w:hAnsi="Courier New" w:cs="Courier New"/>
        </w:rPr>
        <w:t xml:space="preserve">'e0\'bb (\'c8\'cd\'cd 2508001618)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 \'c1\'e0\'ed\'ea\'ee\'ec \'c2\'d2\'c1 (\'ef\'f3\'e1\'eb\'e8\'f7\'ed\'ee\'e5 \'e0\'ea\'f6\'e8\'ee\'ed\'e5\'f0\'ed\'ee\'e5 \'ee\'e1\'f9\'e5\'f1\'f2\'e2\'ee) \'ef\'ee \'ea\'f0\'e5\'e4\'e8\'f2\'ed\'fb\'ec \'ee\'e1\'ff\'</w:t>
      </w:r>
      <w:r w:rsidRPr="00651F56">
        <w:rPr>
          <w:rFonts w:ascii="Courier New" w:hAnsi="Courier New" w:cs="Courier New"/>
        </w:rPr>
        <w:t>e7\'e0\'f2\'e5\'eb\'fc\'f1\'f2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c \'ce\'ce\'ce \'ab\'d2\'e5\'f0\'ec\'e8\'ed\'e0\'eb \'c0\'f1\'f2\'e0\'f4\'fc\'e5\'e2\'e0\'bb (\'c8\'cd\'cd 2508129784) \'ef\'ee \'ea\'f0\'e5\'e4\'e8\'f2\'ed\'ee\'ec\'f3 \'f1\'ee\'e3\'eb\'e0\'f8\'e5\'ed\'e8\'fe \'b</w:t>
      </w:r>
      <w:r w:rsidRPr="00651F56">
        <w:rPr>
          <w:rFonts w:ascii="Courier New" w:hAnsi="Courier New" w:cs="Courier New"/>
        </w:rPr>
        <w:t>9\'ca\'d1-\'d6\'d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-702750/2021/00008 \'ee\'f2 03.03.2021 \'e3\'ee\'e4\'e0 \'ee \'e2\'fb\'e4\'e0\'f7\'e5 \'ea\'f0\'e5\'e4\'e8\'f2\'e0 \'e2 \'e2\'e8\'e4\'e5 \'ea\'f0\'e5\'e4\'e8\'f2\'ed\'ee\'e9 \'eb\'e8\'ed\'e8\'e8 \'f1 \'eb\'e8\'ec\'e8\'f2\'ee\'ec \'e2\'f</w:t>
      </w:r>
      <w:r w:rsidRPr="00651F56">
        <w:rPr>
          <w:rFonts w:ascii="Courier New" w:hAnsi="Courier New" w:cs="Courier New"/>
        </w:rPr>
        <w:t xml:space="preserve">b\'e4\'e0\'f7\'e8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 \'f1\'f3\'ec\'ec\'e5 100 \'ec\'eb\'ed. \'f0\'f3\'e1\'eb\'e5\'e9, \'f1\'f0\'ee\'ea\'ee\'ec \'e4\'ee 2555 \'e4\'ed\'e5\'e9, \'e7\'e0\'ea\'eb\'fe\'f7\'e5\'ed\'ed\'ee\'ec\'f3 \'ec\'e5\'e6\'e4\'f3 \'ce\'ce\'ce \'ab\'d2\'e5\'f0\'ec\'e8\</w:t>
      </w:r>
      <w:r w:rsidRPr="00651F56">
        <w:rPr>
          <w:rFonts w:ascii="Courier New" w:hAnsi="Courier New" w:cs="Courier New"/>
        </w:rPr>
        <w:t>'ed\'e0\'eb \'c0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0\'f4\'fc\'e5\'e2\'e0\'bb (\'c8\'cd\'cd 2508129784) \'e8 \'c1\'e0\'ed\'ea\'ee\'ec \'c2\'d2\'c1 (\'cf\'c0\'ce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b\af0\afs22 \ltrch\fcs0 \b\fs22\insrsid1265092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</w:t>
      </w:r>
      <w:r w:rsidRPr="00651F56">
        <w:rPr>
          <w:rFonts w:ascii="Courier New" w:hAnsi="Courier New" w:cs="Courier New"/>
        </w:rPr>
        <w:t>apdefault\aspalpha\aspnum\faauto\adjustright\rin0\lin0\itap0\pararsid8323676 {\rtlch\fcs1 \ab\af0\afs22 \ltrch\fcs0 \b\fs22\insrsid472349\charrsid538368 \'d0\'e5\'e7\'f3\'eb\'fc\'f2\'e0\'f2\'fb \'e3\'ee\'eb\'ee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0\'ed\'e8\'ff}{\rtlch\fcs1 \a</w:t>
      </w:r>
      <w:r w:rsidRPr="00651F56">
        <w:rPr>
          <w:rFonts w:ascii="Courier New" w:hAnsi="Courier New" w:cs="Courier New"/>
        </w:rPr>
        <w:t>f0\afs22 \ltrch\fcs0 \b\fs22\insrsid472349\charrsid538368  }{\rtlch\fcs1 \af0\afs22 \ltrch\fcs0 \b\fs22\insrsid8323676\charrsid538368 \'ef\'ee }{\rtlch\fcs1 \af0\afs22 \ltrch\fcs0 \b\fs22\insrsid8323676 \'f2\'f0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fc\'e5\'ec\'f3}{\rtlch\fcs1 \af0\</w:t>
      </w:r>
      <w:r w:rsidRPr="00651F56">
        <w:rPr>
          <w:rFonts w:ascii="Courier New" w:hAnsi="Courier New" w:cs="Courier New"/>
        </w:rPr>
        <w:t>afs22 \ltrch\fcs0 \b\fs22\insrsid8323676\charrsid538368  \'e2\'ee\'ef\'f0\'ee\'f1\'f3 \'ef\'ee\'e2\'e5\'f1\'f2\'ea\'e8 \'e4\'ed\'ff:}{\rtlch\fcs1 \af0\afs22 \ltrch\fcs0 \b\fs22\cf6\insrsid8323676\charrsid538368  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b\fs</w:t>
      </w:r>
      <w:r w:rsidRPr="00651F56">
        <w:rPr>
          <w:rFonts w:ascii="Courier New" w:hAnsi="Courier New" w:cs="Courier New"/>
        </w:rPr>
        <w:t xml:space="preserve">22\cf6\insrsid832367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sb120\widctlpar\tx4536\wrapdefault\aspalpha\aspnum\faauto\adjustright\rin0\lin0\itap0\pararsid14956645 {\rtlch\fcs1 \af0\afs22 \ltrch\fcs0 \fs22\insrsid14956645\charrsid2451716 \'d7\'e8\'f1\'eb\'ee \'</w:t>
      </w:r>
      <w:r w:rsidRPr="00651F56">
        <w:rPr>
          <w:rFonts w:ascii="Courier New" w:hAnsi="Courier New" w:cs="Courier New"/>
        </w:rPr>
        <w:t xml:space="preserve">e3\'ee\'eb\'ee\'f1\'ee\'e2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e\'f2\'ee\'f0\'fb\'ec\'e8 \'ee\'e1\'eb\'e0\'e4\'e0\'eb\'e8 \'eb\'e8\'f6\'e0, \'e2\'ea\'eb\'fe\'f7\'e5\'ed\'ed\'fb\'e5 \'e2 \'f1\'ef\'e8\'f1\'ee\'ea \'eb\'e8\'f6, \'e8\'ec\'e5\'e2\'f8\'e8\'f5 \'ef\'f0\'e0\'e2\'ee \'ed\'e</w:t>
      </w:r>
      <w:r w:rsidRPr="00651F56">
        <w:rPr>
          <w:rFonts w:ascii="Courier New" w:hAnsi="Courier New" w:cs="Courier New"/>
        </w:rPr>
        <w:t>0 \'f3\'f7\'e0\'f1\'f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2  \'ee\'e1\'f9\'e5\'ec \'f1\'ee\'e1\'f0\'e0\'ed\'e8\'e8 \'e0\'ea\'f6\'e8\'ee\'ed\'e5\'f0\'ee\'e2, \'ef\'ee \'e4\'e0\'ed\'ed\'ee\'ec\'f3 \'e2\'ee\'ef\'f0\'ee\'f1\'f3 \'ef\'ee\'e2\'e5\'f1\'f2\'ea\'e8 \'e4\'ed\'ff \'ee\'e1</w:t>
      </w:r>
      <w:r w:rsidRPr="00651F56">
        <w:rPr>
          <w:rFonts w:ascii="Courier New" w:hAnsi="Courier New" w:cs="Courier New"/>
        </w:rPr>
        <w:t>\'f9\'e5\'e3\'ee \'f1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1\'f0\'e0\'ed\'e8\'ff, -  830 380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f\'f0\'e8\'f5\'ee\'e4\'e8\'e2\'f8\'e8\'f5\'f1\'ff \'ed\'e0 \'e3\'ee\'eb\'ee\'f1\'f3\'fe\'f9\'e8\'e5 \'e0\'ea\'f6\'e8\'e8 \'ee\'e1\</w:t>
      </w:r>
      <w:r w:rsidRPr="00651F56">
        <w:rPr>
          <w:rFonts w:ascii="Courier New" w:hAnsi="Courier New" w:cs="Courier New"/>
        </w:rPr>
        <w:t>'f9\'e5\'f1\'f2\'e2\'e0, \'ef\'ee \'e4\'e0\'ed\'ed\'ee\'ec\'f3 \'e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e\'f1\'f3 \'ef\'ee\'e2\'e5\'f1\'f2\'ea\'e8 \'e4\'ed\'ff \'ee\'e1\'f9\'e5\'e3\'ee \'f1\'ee\'e1\'f0\'e0\'ed\'e8\'ff, \'ee\'ef\'f0\'e5\'e4\'e5\'eb\'e5\'ed\'ed\'ee\'e5 \'f1 \'f</w:t>
      </w:r>
      <w:r w:rsidRPr="00651F56">
        <w:rPr>
          <w:rFonts w:ascii="Courier New" w:hAnsi="Courier New" w:cs="Courier New"/>
        </w:rPr>
        <w:t>3\'f7\'e5\'f2\'ee\'ec \'f2\'f0\'e5\'e1\'ee\'e2\'e0\'ed\'e8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. 4.24. \'cf\'ee\'eb\'ee\'e6\'e5\'ed\'e8\'e5 \'c1\'e0\'ed\'ea\'e0 \'d0\'ee\'f1\'f1\'e8\'e8 \'b9 660-\'cf \'ee\'f2 16.11.2018\'e3. \'ab\'ce\'e1 \'ee\'e1\'f9\'e8\'f5 \'f1\'ee\'e1\'f0\'e0\'e</w:t>
      </w:r>
      <w:r w:rsidRPr="00651F56">
        <w:rPr>
          <w:rFonts w:ascii="Courier New" w:hAnsi="Courier New" w:cs="Courier New"/>
        </w:rPr>
        <w:t xml:space="preserve">d\'e8\'ff\'f5 \'e0\'ea\'f6\'e8\'ee\'ed\'e5\'f0\'ee\'e2\'bb, \endash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472 104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a\'ee\'f2\'ee\'f0\'fb\'ec\'e8 \'ee\'e1\'eb\'e0\'e4\'e0\'eb\'e8 \'eb\'e8\'f6\'e0, \'ef\'f0\'e8\'ed\'ff\'e2\'f8\'e8\'e</w:t>
      </w:r>
      <w:r w:rsidRPr="00651F56">
        <w:rPr>
          <w:rFonts w:ascii="Courier New" w:hAnsi="Courier New" w:cs="Courier New"/>
        </w:rPr>
        <w:t>5 \'f3\'f7\'e0\'f1\'f2\'e8\'e5  \'e2 \'ee\'e1\'f9\'e5\'ec  \'f1\'ee\'e1\'f0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8, \'ef\'ee \'e4\'e0\'ed\'ed\'ee\'ec\'f3 \'e2\'ee\'ef\'f0\'ee\'f1\'f3 \'ef\'ee\'e2\'e5\'f1\'f2\'ea\'e8 \'e4\'ed\'ff \'f1\'ee\'e1\'f0\'e0\'ed\'e8\'ff,  - 434}{\rtlch</w:t>
      </w:r>
      <w:r w:rsidRPr="00651F56">
        <w:rPr>
          <w:rFonts w:ascii="Courier New" w:hAnsi="Courier New" w:cs="Courier New"/>
        </w:rPr>
        <w:t xml:space="preserve">\fcs1 \af0\afs22 \ltrch\fcs0 \fs22\insrsid14956645 \~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4956645\charrsid2451716 8}{\rtlch\fcs1 \af0\afs22 \ltrch\fcs0 \fs22\insrsid14956645 57}{\rtlch\fcs1 \af0\afs22 \ltrch\fcs0 \fs22\insrsid14956645\charr</w:t>
      </w:r>
      <w:r w:rsidRPr="00651F56">
        <w:rPr>
          <w:rFonts w:ascii="Courier New" w:hAnsi="Courier New" w:cs="Courier New"/>
        </w:rPr>
        <w:t xml:space="preserve">sid2451716 .}{\rtlch\fcs1 \af0\afs22 \ltrch\fcs0 \fs22\insrsid1495664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s22\insrsid14956645\charrsid4811378 \'d7\'e8\'f1\'eb\'ee \'e3\'ee\'eb\'ee\'f1\'ee\'e2, \'ea\'ee\'f2\'ee\'f0\'fb\'ec\'e8 \'ee\'e1\'eb\'e0\'e</w:t>
      </w:r>
      <w:r w:rsidRPr="00651F56">
        <w:rPr>
          <w:rFonts w:ascii="Courier New" w:hAnsi="Courier New" w:cs="Courier New"/>
        </w:rPr>
        <w:t>4\'e0\'eb\'e8 \'eb\'e8\'f6\'e0, \'ed\'e5 \'e7\'e0\'e8\'ed\'f2\'e5\'f0\'e5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0\'ed\'ed\'fb\'e5 \'e2 \'f1\'ee\'e2\'e5\'f0\'f8\'e5\'ed\'e8\'e8 \'ee\'e1\'f9\'e5\'f1\'f2\'e2\'ee\'ec \'f1\'e4\'e5\'eb\'ea\'e8,  \'ef\'f0\'e8\'ed\'ff\'e2\'f8\'e8\'e5 \</w:t>
      </w:r>
      <w:r w:rsidRPr="00651F56">
        <w:rPr>
          <w:rFonts w:ascii="Courier New" w:hAnsi="Courier New" w:cs="Courier New"/>
        </w:rPr>
        <w:t>'f3\'f7\'e0\'f1\'f2\'e8\'e5  \'e2 \'ee\'e1\'f9\'e5\'ec  \'f1\'ee\'e1\'f0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8\'e8 \'e0\'ea\'f6\'e8\'ee\'ed\'e5\'f0\'ee\'e2 \'ef\'ee \'e2\'ee\'ef\'f0\'ee\'f1\'f3 \'ef\'ee\'e2\'e5\'f1\'f2\'ea\'e8 \'e4\'ed\'ff \'f1\'ee\'e1\'f0\'e0\'ed\'e8\'ff,  -}{\r</w:t>
      </w:r>
      <w:r w:rsidRPr="00651F56">
        <w:rPr>
          <w:rFonts w:ascii="Courier New" w:hAnsi="Courier New" w:cs="Courier New"/>
        </w:rPr>
        <w:t xml:space="preserve">tlch\fcs1 \af0\afs22 \ltrch\fcs0 \fs22\insrsid14956645  340 140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14956645\charrsid4811378 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tx4536\wrapdefault\aspalpha\aspnum\faauto\adjustright\rin0\lin0\itap0\p</w:t>
      </w:r>
      <w:r w:rsidRPr="00651F56">
        <w:rPr>
          <w:rFonts w:ascii="Courier New" w:hAnsi="Courier New" w:cs="Courier New"/>
        </w:rPr>
        <w:t>ararsid14956645 {\rtlch\fcs1 \af0\afs22 \ltrch\fcs0 \fs22\insrsid14956645\charrsid2451716 \'ca\'e2\'ee\'f0\'f3\'ec \'ef\'ee \'e4\'e0\'ed\'ed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'f3 \'e2\'ee\'ef\'f0\'ee\'f1\'f3 \'ef\'ee\'e2\'e5\'f1\'f2\'ea\'e8 \'e4\'ed\'ff \'e8\'ec\'e5\'e5\'f2\'f1\'</w:t>
      </w:r>
      <w:r w:rsidRPr="00651F56">
        <w:rPr>
          <w:rFonts w:ascii="Courier New" w:hAnsi="Courier New" w:cs="Courier New"/>
        </w:rPr>
        <w:t>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4\qj \li0\ri0\widctlpar\tx4536\wrapdefault\aspalpha\aspnum\faauto\adjustright\rin0\lin0\itap0\pararsid14956645 \rtlch\fcs1 \af0\afs20\alang1025 \ltrch\fcs0 \fs24\lang1049\langfe1049\cgrid\langnp1049\langfenp1049 {\rtlch\fcs</w:t>
      </w:r>
      <w:r w:rsidRPr="00651F56">
        <w:rPr>
          <w:rFonts w:ascii="Courier New" w:hAnsi="Courier New" w:cs="Courier New"/>
        </w:rPr>
        <w:t xml:space="preserve">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14956645\charrsid2451716 \'d7\'e8\'f1\'eb\'ee \'e3\'ee\'eb\'ee\'f1\'ee\'e2, \'ee\'f2\'e4\'e0\'ed\'ed\'fb\'f5 \'e7\'e0 \'ea\'e0\'e6\'e4\'fb\'e9 \'e8\'e7 \'e2\'e0\'f0\'e8\'e0\'ed\'f2\'ee\'e2 \'e3\'ee\'eb\'ee\'f1\'ee\'e</w:t>
      </w:r>
      <w:r w:rsidRPr="00651F56">
        <w:rPr>
          <w:rFonts w:ascii="Courier New" w:hAnsi="Courier New" w:cs="Courier New"/>
        </w:rPr>
        <w:t>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d\'e8\'ff \'ef\'ee \'e4\'e0\'ed\'ed\'ee\'ec\'f3 \'e2\'ee\'ef\'f0\'ee\'f1\'f3 \'ef\'ee\'e2\'e5\'f1\'f2\'ea\'e8 \'e4\'ed\'ff \'f1\'ee\'e1\'f0\'e0\'ed\'e8\'ff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fi709\li0\ri0\widctlpar\wrapdefault\aspalpha\aspnum\faauto</w:t>
      </w:r>
      <w:r w:rsidRPr="00651F56">
        <w:rPr>
          <w:rFonts w:ascii="Courier New" w:hAnsi="Courier New" w:cs="Courier New"/>
        </w:rPr>
        <w:t xml:space="preserve">\adjustright\rin0\lin0\itap0\pararsid14956645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fs22\insrsid14956645\charrsid14956645 \'ab\'e7\'e0\'bb -  340 140;    </w:t>
      </w:r>
      <w:r w:rsidRPr="00651F56">
        <w:rPr>
          <w:rFonts w:ascii="Courier New" w:hAnsi="Courier New" w:cs="Courier New"/>
        </w:rPr>
        <w:t xml:space="preserve"> \'ab\'ef\'f0\'ee\'f2\'e8\'e2\'bb -  0;     \'ab\'e2\'ee\'e7\'e4\'e5\'f0\'e6\'e0\'eb\'f1\'ff\'bb - 0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284\ri-160\widctlpar\wrapdefault\aspalpha\aspnum\faauto\adjustright\rin-160\lin284\itap0\pararsid14956645 {\rtlch\fcs1 \af0\afs</w:t>
      </w:r>
      <w:r w:rsidRPr="00651F56">
        <w:rPr>
          <w:rFonts w:ascii="Courier New" w:hAnsi="Courier New" w:cs="Courier New"/>
        </w:rPr>
        <w:t xml:space="preserve">22 \ltrch\fcs0 \i\fs22\insrsid14956645\charrsid245171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2047675 {\rtlch\fcs1 \af0\afs22 \ltrch\fcs0 \b\fs22\insrsid8323676\charrsid538368 \'d0</w:t>
      </w:r>
      <w:r w:rsidRPr="00651F56">
        <w:rPr>
          <w:rFonts w:ascii="Courier New" w:hAnsi="Courier New" w:cs="Courier New"/>
        </w:rPr>
        <w:t xml:space="preserve">\'e5\'f8\'e5\'ed\'e8\'e5 \'f1\'ee\'e1\'f0\'e0\'ed\'e8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e }{\rtlch\fcs1 \af0\afs22 \ltrch\fcs0 \b\fs22\insrsid8323676 \'f2\'f0\'e5\'f2\'fc\'e5\'ec\'f3}{\rtlch\fcs1 \af0\afs22 \ltrch\fcs0 \b\fs22\insrsid8323676\charrsid538368  \'e2\'ee\'ef\'f0\'e</w:t>
      </w:r>
      <w:r w:rsidRPr="00651F56">
        <w:rPr>
          <w:rFonts w:ascii="Courier New" w:hAnsi="Courier New" w:cs="Courier New"/>
        </w:rPr>
        <w:t>e\'f1\'f3 \'ef\'ee\'e2\'e5\'f1\'f2\'ea\'e8 \'e4\'ed\'ff: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b\fs22\cf6\insrsid8323676\charrsid538368  }{\rtlch\fcs1 \af0\afs22 \ltrch\fcs0 \fs22\insrsid2047675\charrsid2047675 {\*\bkmkstart _Hlk72508262}\'ce\'c4\'ce\'c1\</w:t>
      </w:r>
      <w:r w:rsidRPr="00651F56">
        <w:rPr>
          <w:rFonts w:ascii="Courier New" w:hAnsi="Courier New" w:cs="Courier New"/>
        </w:rPr>
        <w:t>'d0\'c8\'d2\'dc \'f1\'e4\'e5\'eb\'ea\'f3, \'f1\'ee\'e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f8\'e0\'e5\'ec\'f3\'fe \'f1 \'e7\'e0\'e8\'ed\'f2\'e5\'f0\'e5\'f1\'ee\'e2\'e0\'ed\'ed\'ee\'f1\'f2\'fc\'fe }{\rtlch\fcs1 \af0\afs22 \ltrch\fcs0 \fs22\cf17\chshdng0\chcfpat0\chcbpat8\insrsid204</w:t>
      </w:r>
      <w:r w:rsidRPr="00651F56">
        <w:rPr>
          <w:rFonts w:ascii="Courier New" w:hAnsi="Courier New" w:cs="Courier New"/>
        </w:rPr>
        <w:t>7675\charrsid2047675 \'ca\'ee\'ed\'e4\'f0\'e0\'f2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d0. \'c2., \'ff\'e2\'eb\'ff\'fe\'f9\'e5\'e3\'ee\'f1\'ff \'ea\'ee\'ed\'f2\'f0\'ee\'eb\'e8\'f0\'f3\'fe\'f9\'e8\'ec \'eb\'e8\'f6\'ee\'ec \'cf\'ee\'f0\'f3\'f7\'e8\'f2\'e5\'eb\'ff (\'ca\'ee\'ed\'</w:t>
      </w:r>
      <w:r w:rsidRPr="00651F56">
        <w:rPr>
          <w:rFonts w:ascii="Courier New" w:hAnsi="Courier New" w:cs="Courier New"/>
        </w:rPr>
        <w:t>e4\'f0\'e0\'f2\'ee\'e2 \'d0. \'c2. \'ff\'e2\'eb\'ff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f1\'ff \'e0\'ea\'f6\'e8\'ee\'ed\'e5\'f0\'ee\'ec, \'ea\'ee\'f2\'ee\'f0\'ee\'ec\'f3 \'ef\'f0\'e8\'ed\'e0\'e4\'eb\'e5\'e6\'e8\'f2 28,0% \'e0\'ea\'f6\'e8\'e9, \'e0 \'f2\'e0\'ea\'e6\'e5 \'ea\'ee\'ed</w:t>
      </w:r>
      <w:r w:rsidRPr="00651F56">
        <w:rPr>
          <w:rFonts w:ascii="Courier New" w:hAnsi="Courier New" w:cs="Courier New"/>
        </w:rPr>
        <w:t>\'f2\'f0\'ee\'eb\'e8\'f0\'f3\'fe\'f9\'e8\'ec \'eb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6\'ee\'ec \'e0\'ea\'f6\'e8\'ee\'ed\'e5\'f0\'e0 \'ce\'ce\'ce \'c0\'ea\'e2\'e0-\'d0\'e5\'f1\'f3\'f0\'f1\'fb, \'ea\'ee\'f2\'ee\'f0\'ee\'ec\'f3 \'ef\'f0\'e8\'ed\'e0\'e4\'eb\'e5\'e6\'e8\'f2 28,78% \'e0\'</w:t>
      </w:r>
      <w:r w:rsidRPr="00651F56">
        <w:rPr>
          <w:rFonts w:ascii="Courier New" w:hAnsi="Courier New" w:cs="Courier New"/>
        </w:rPr>
        <w:t>ea\'f6\'e8\'e9 \'c0\'ce \'ab\'d2\'e5\'f0\'ec\'e8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b \'c0\'f1\'f2\'e0\'f4\'fc\'e5\'e2\'e0\'bb), \'e0 \'f2\'e0\'ea\'e6\'e5\~\~ \'c5\'c8\'ce, \'f7\'eb\'e5\'ed\'ee\'ec \'d1\'ee\'e2\'e5\'f2\'e0 \'c4\'e8\'f0\'e5\'ea\'f2\'ee\'f0\'ee\'e2 \'cf\'ee\'f0\'f</w:t>
      </w:r>
      <w:r w:rsidRPr="00651F56">
        <w:rPr>
          <w:rFonts w:ascii="Courier New" w:hAnsi="Courier New" w:cs="Courier New"/>
        </w:rPr>
        <w:t>3\'f7\'e8\'f2\'e5\'eb\'ff \'e8 \'ee\'e4\'ed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5\'ec\'e5\'ed\'ed\'ee \'ff\'e2\'eb\'ff\'fe\'f9\'e5\'e3\'ee\'f1\'ff \'ea\'ee\'ed\'f2\'f0\'ee\'eb\'e8\'f0\'f3\'fe\'f9\'e8\'ec \'eb\'e8\'f6\'ee\'ec \'c7\'e0\'e5\'ec\'f9\'e8\'ea\'e0, \'e2\'eb\'e0\'e4\</w:t>
      </w:r>
      <w:r w:rsidRPr="00651F56">
        <w:rPr>
          <w:rFonts w:ascii="Courier New" w:hAnsi="Courier New" w:cs="Courier New"/>
        </w:rPr>
        <w:t xml:space="preserve">'e5\'fe\'f9\'e8\'ec 75% \'e2 \'d3\'ca)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2047675\charrsid2047675 , \'e0 \'e8\'ec\'e5\'ed\'ed\'ee \'e4\'ee\'e3\'ee\'e2\'ee\'f0 \'ef\'ee\'f0\'f3\'f7\'e8\'f2\'e5\'eb\'fc\'f1\'f2\'e2\'e0 \'b9\'c4\'cf8-\'d6\'d3-7</w:t>
      </w:r>
      <w:r w:rsidRPr="00651F56">
        <w:rPr>
          <w:rFonts w:ascii="Courier New" w:hAnsi="Courier New" w:cs="Courier New"/>
        </w:rPr>
        <w:t>02750/2021/00008 \'ee\'f2 03.03.2021 \'e3\'ee\'e4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ec\'e5\'e6\'e4\'f3 \'c0\'ce \'ab\'d2\'e5\'f0\'ec\'e8\'ed\'e0\'eb \'c0\'f1\'f2\'e0\'f4\'fc\'e5\'e2\'e0\'bb (\'c8\'cd\'cd 2508001618) \'e8 \'c1\'e0\'ed\'ea\'ee\'ec \'c2\'d2\'c1 (\'ef\'f3\'e1\'eb\'e8\'</w:t>
      </w:r>
      <w:r w:rsidRPr="00651F56">
        <w:rPr>
          <w:rFonts w:ascii="Courier New" w:hAnsi="Courier New" w:cs="Courier New"/>
        </w:rPr>
        <w:t>f7\'ed\'ee\'e5 \'e0\'ea\'f6\'e8\'ee\'ed\'e5\'f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5 \'ee\'e1\'f9\'e5\'f1\'f2\'e2\'ee) \'ef\'ee \'ea\'f0\'e5\'e4\'e8\'f2\'ed\'fb\'ec \'ee\'e1\'ff\'e7\'e0\'f2\'e5\'eb\'fc\'f1\'f2\'e2\'e0\'ec \'ce\'ce\'ce \'ab\'d2\'e5\'f0\'ec\'e8\'ed\'e0\'eb \'c0\'f</w:t>
      </w:r>
      <w:r w:rsidRPr="00651F56">
        <w:rPr>
          <w:rFonts w:ascii="Courier New" w:hAnsi="Courier New" w:cs="Courier New"/>
        </w:rPr>
        <w:t>1\'f2\'e0\'f4\'fc\'e5\'e2\'e0\'bb 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2508129784) \'ef\'ee \'ea\'f0\'e5\'e4\'e8\'f2\'ed\'ee\'ec\'f3 \'f1\'ee\'e3\'eb\'e0\'f8\'e5\'ed\'e8\'fe \'b9\'ca\'d1-\'d6\'d3-702750/2021/00008 \'ee\'f2 03.03.2021 \'e3\'ee\'e4\'e0 \'ee \'e2\'fb\'e4\'e0\'f7\</w:t>
      </w:r>
      <w:r w:rsidRPr="00651F56">
        <w:rPr>
          <w:rFonts w:ascii="Courier New" w:hAnsi="Courier New" w:cs="Courier New"/>
        </w:rPr>
        <w:t>'e5 \'ea\'f0\'e5\'e4\'e8\'f2\'e0 \'e2 \'e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5 \'ea\'f0\'e5\'e4\'e8\'f2\'ed\'ee\'e9 \'eb\'e8\'ed\'e8\'e8 \'f1 \'eb\'e8\'ec\'e8\'f2\'ee\'ec \'e2\'fb\'e4\'e0\'f7\'e8, \'e2 \'f1\'f3\'ec\'ec\'e5 100 \'ec\'eb\'ed. \'f0\'f3\'e1\'eb\'e5\'e9, \'f1\'f0\'e</w:t>
      </w:r>
      <w:r w:rsidRPr="00651F56">
        <w:rPr>
          <w:rFonts w:ascii="Courier New" w:hAnsi="Courier New" w:cs="Courier New"/>
        </w:rPr>
        <w:t xml:space="preserve">e\'ea\'ee\'ec \'e4\'ee 2555 \'e4\'ed\'e5\'e9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7\'e0\'ea\'eb\'fe\'f7\'e5\'ed\'ed\'ee\'ec\'f3 \'ec\'e5\'e6\'e4\'f3 \'ce\'ce\'ce \'ab\'d2\'e5\'f0\'ec\'e8\'ed\'e0\'eb \'c0\'f1\'f2\'e0\'f4\'fc\'e5\'e2\'e0\'bb (\'c8\'cd\'cd 2508129784) \'e8 \'c1\'e0\'ed\'ea</w:t>
      </w:r>
      <w:r w:rsidRPr="00651F56">
        <w:rPr>
          <w:rFonts w:ascii="Courier New" w:hAnsi="Courier New" w:cs="Courier New"/>
        </w:rPr>
        <w:t>\'ee\'ec \'c2\'d2\'c1 (\'cf\'c0\'ce)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*\bkmkend _Hlk72508262} (\'e4\'e0\'eb\'e5\'e5 \'f2\'e0\'ea\'e6\'e5 \'d1\'ee\'e3\'eb\'e0\'f8\'e5\'ed\'e8\'e5/\'ca\'f0\'e5\'e4\'e8\'f2\'ed\'ee\'e5 \'f1\'ee\'e3\'eb\'e0\'f8\'e5\'ed\'e8\'e5) \'ed\'e0 \'f1\'eb\'e5\'e4\'f3</w:t>
      </w:r>
      <w:r w:rsidRPr="00651F56">
        <w:rPr>
          <w:rFonts w:ascii="Courier New" w:hAnsi="Courier New" w:cs="Courier New"/>
        </w:rPr>
        <w:t>\'fe\'f9\'e8\'f5 \'f3\'f1\'eb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f\'f5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widctlpar\wrapdefault\aspalpha\aspnum\faauto\adjustright\rin0\lin0\itap0\pararsid2047675 {\rtlch\fcs1 \ab\af0\afs22 \ltrch\fcs0 \b\fs22\insrsid2047675\charrsid20476</w:t>
      </w:r>
      <w:r w:rsidRPr="00651F56">
        <w:rPr>
          <w:rFonts w:ascii="Courier New" w:hAnsi="Courier New" w:cs="Courier New"/>
        </w:rPr>
        <w:t xml:space="preserve">75 \'c2\'e8\'e4 \'f1\'e4\'e5\'eb\'ea\'e8: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0\afs22 \ltrch\fcs0 \fs22\insrsid2047675\charrsid2047675  \'ca\'f0\'e5\'e4\'e8\'f2\'ed\'e0\'ff \'eb\'e8\'ed\'e8\'ff \'f1 \'eb\'e8\'ec\'e8\'f2\'ee\'ec \'e2\'fb\'e4\'e0\'f7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</w:t>
      </w:r>
      <w:r w:rsidRPr="00651F56">
        <w:rPr>
          <w:rFonts w:ascii="Courier New" w:hAnsi="Courier New" w:cs="Courier New"/>
        </w:rPr>
        <w:t>par\qj \fi567\li0\ri0\widctlpar\wrapdefault\aspalpha\aspnum\faauto\adjustright\rin0\lin0\itap0\pararsid2047675 {\rtlch\fcs1 \ab\af0\afs22 \ltrch\fcs0 \fs22\insrsid2047675\charrsid2047675 - \'ca\'f0\'e5\'e4\'e8\'f2\'ee\'f0 \endash  \'c1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 \'c2\'</w:t>
      </w:r>
      <w:r w:rsidRPr="00651F56">
        <w:rPr>
          <w:rFonts w:ascii="Courier New" w:hAnsi="Courier New" w:cs="Courier New"/>
        </w:rPr>
        <w:t>d2\'c1 (\'cf\'c0\'ce)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- \'c7\'e0\'e5\'ec\'f9\'e8\'ea \endash }{\rtlch\fcs1 \af0\afs22 \ltrch\fcs0 \fs22\insrsid2047675\charrsid2047675  \'ce\'ce\'ce \'ab\'d2\'e5\'f0\'ec\'e8\'ed\'e0\'eb \'c0\'f1\'f2\'e0\'f4\'fc\'e5\'e2\'e0\'bb (\'c8\'cd\'cd 250812978</w:t>
      </w:r>
      <w:r w:rsidRPr="00651F56">
        <w:rPr>
          <w:rFonts w:ascii="Courier New" w:hAnsi="Courier New" w:cs="Courier New"/>
        </w:rPr>
        <w:t xml:space="preserve">4)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ab\af0\afs22 \ltrch\fcs0 \fs22\insrsid2047675\charrsid204767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widctlpar\wrapdefault\aspalpha\aspnum\faauto\adjustright\rin0\lin0\itap0\pararsid2047675 {\rtlch\fcs1 \ab\af0\afs22 \ltrch\fcs0 \b\fs22</w:t>
      </w:r>
      <w:r w:rsidRPr="00651F56">
        <w:rPr>
          <w:rFonts w:ascii="Courier New" w:hAnsi="Courier New" w:cs="Courier New"/>
        </w:rPr>
        <w:t>\insrsid2047675\charrsid2047675 \'d1\'f3\'ec\'ec\'e0 \'f1\'e4\'e5\'eb\'ea\'e8: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b\af0\afs22 \ltrch\fcs0 \fs22\insrsid2047675\charrsid2047675  100 000\~000,00 (\'f1\'f2\'ee \'ec\'e8\'eb\'eb\'e8\'ee\'ed\'ee\'e2) \'f0\'f3\'e1\'eb\'e5\'e9}{\rtl</w:t>
      </w:r>
      <w:r w:rsidRPr="00651F56">
        <w:rPr>
          <w:rFonts w:ascii="Courier New" w:hAnsi="Courier New" w:cs="Courier New"/>
        </w:rPr>
        <w:t xml:space="preserve">ch\fcs1 \ai\af0\afs22 \ltrch\fcs0 \fs22\insrsid2047675\charrsid204767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b\fs22\insrsid2047675\charrsid2047675 \'d1\'f0\'ee\'ea \'f1\'e4\'e5\'eb\'ea\'e8: 2555}{\rtlch\fcs1 \ab\af0\afs22 \ltrch\fcs0 \fs22\insrsi</w:t>
      </w:r>
      <w:r w:rsidRPr="00651F56">
        <w:rPr>
          <w:rFonts w:ascii="Courier New" w:hAnsi="Courier New" w:cs="Courier New"/>
        </w:rPr>
        <w:t xml:space="preserve">d2047675\charrsid2047675  \'e4\'ed\'e5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b\fs22\insrsid2047675\charrsid2047675 \'d1\'f0\'ee\'ea \'e8\'f1\'ef\'ee\'eb\'fc\'e7\'ee\'e2\'e0\'ed\'e8\'ff: }{\rtlch\fcs1 \ab\af0\afs22 \ltrch\fcs0 \fs22\insrsid204</w:t>
      </w:r>
      <w:r w:rsidRPr="00651F56">
        <w:rPr>
          <w:rFonts w:ascii="Courier New" w:hAnsi="Courier New" w:cs="Courier New"/>
        </w:rPr>
        <w:t>7675\charrsid2047675 \'ee\'e1\'f9\'e8\'e9 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e\'ea \'ef\'f0\'e5\'e4\'ee\'f1\'f2\'e0\'e2\'eb\'e5\'ed\'e8\'ff \'ca\'f0\'e5\'e4\'e8\'f2\'ee\'e2 -}{\rtlch\fcs1 \ab\af0\afs22 \ltrch\fcs0 \b\fs22\insrsid2047675\charrsid2047675  }{\rtlch\fcs1 \ab\af0\af</w:t>
      </w:r>
      <w:r w:rsidRPr="00651F56">
        <w:rPr>
          <w:rFonts w:ascii="Courier New" w:hAnsi="Courier New" w:cs="Courier New"/>
        </w:rPr>
        <w:t xml:space="preserve">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insrsid2047675\charrsid2047675 170 \'ea\'e0\'eb\'e5\'ed\'e4\'e0\'f0\'ed\'fb\'f5 \'e4\'ed\'e5\'e9 \'f1 \'e4\'e0\'f2\'fb \'e2\'f1\'f2\'f3\'ef\'eb\'e5\'ed\'e8\'ff \'d1\'ee\'e3\'eb\'e0\'f8\'e5\'ed\'e8\'ff \'e2 \'f1\'e8\'eb\'f3 \'e2\'ea\</w:t>
      </w:r>
      <w:r w:rsidRPr="00651F56">
        <w:rPr>
          <w:rFonts w:ascii="Courier New" w:hAnsi="Courier New" w:cs="Courier New"/>
        </w:rPr>
        <w:t>'eb\'fe\'f7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5\'eb\'fc\'ed\'ee. \'ca\'f0\'e5\'e4\'e8\'f2\'fb \'ef\'f0\'e5\'e4\'ee\'f1\'f2\'e0\'e2\'eb\'ff\'fe\'f2\'f1\'ff \'c7\'e0\'e5\'ec\'f9\'e8\'ea\'f3 \'e4\'ee \'e8\'f1\'f2\'e5\'f7\'e5\'ed\'e8\'ff \'ce\'e1\'f9\'e5\'e3\'ee \'f1\'f0\'ee\'ea\'e</w:t>
      </w:r>
      <w:r w:rsidRPr="00651F56">
        <w:rPr>
          <w:rFonts w:ascii="Courier New" w:hAnsi="Courier New" w:cs="Courier New"/>
        </w:rPr>
        <w:t>0 \'ef\'f0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e\'f1\'f2\'e0\'e2\'eb\'e5\'ed\'e8\'ff \'ca\'f0\'e5\'e4\'e8\'f2\'ee\'e2 \'ef\'ee\'f1\'eb\'e5 \'e2\'fb\'ef\'ee\'eb\'ed\'e5\'ed\'e8\'ff \'ee\'f2\'eb\'e0\'e3\'e0\'f2\'e5\'eb\'fc\'ed\'fb\'f5 \'f3\'f1\'eb\'ee\'e2\'e8\'e9, \'ef\'f0\'e5\'e4\</w:t>
      </w:r>
      <w:r w:rsidRPr="00651F56">
        <w:rPr>
          <w:rFonts w:ascii="Courier New" w:hAnsi="Courier New" w:cs="Courier New"/>
        </w:rPr>
        <w:t>'f3\'f1\'ec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f2\'f0\'e5\'ed\'ed\'fb\'f5 \'d1\'ee\'e3\'eb\'e0\'f8\'e5\'ed\'e8\'e5\'ec.  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nowidctlpar\wrapdefault\aspalpha\aspnum\faauto\adjustright\rin0\lin0\itap0\pararsid2047675 {\rtlch\fcs1 \ab\af0\afs22 \lt</w:t>
      </w:r>
      <w:r w:rsidRPr="00651F56">
        <w:rPr>
          <w:rFonts w:ascii="Courier New" w:hAnsi="Courier New" w:cs="Courier New"/>
        </w:rPr>
        <w:t>rch\fcs0 \b\fs22\insrsid2047675\charrsid2047675 \'c3\'f0\'e0\'f4\'e8\'ea \'ef\'ee\'e3\'e0\'f8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f:}{\rtlch\fcs1 \af0\afs22 \ltrch\fcs0 \fs22\insrsid2047675\charrsid2047675  \'c5\'e6\'e5\'ec\'e5\'f1\'ff\'f7\'ed\'ee \'e2 \'ef\'e5\'f0\'e8\'ee\'e</w:t>
      </w:r>
      <w:r w:rsidRPr="00651F56">
        <w:rPr>
          <w:rFonts w:ascii="Courier New" w:hAnsi="Courier New" w:cs="Courier New"/>
        </w:rPr>
        <w:t>4 \'f1 15 \'ef\'ee 21 \'f7\'e8\'f1\'eb\'ee \'ea\'e0\'e6\'e4\'ee\'e3\'ee \'ec\'e5\'f1\'ff\'f6\'e0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 1\~250 000 \'f0\'f3\'e1., \'ed\'e0\'f7\'e8\'ed\'e0\'ff \'f1 6-\'e3\'ee \'ec\'e5\'f1\'ff\'f6\'e0 \'f1 \'e4\'e0\'f2\'fb \'e7\'e0\'ea\'eb\'fe\'f7\'e5\'</w:t>
      </w:r>
      <w:r w:rsidRPr="00651F56">
        <w:rPr>
          <w:rFonts w:ascii="Courier New" w:hAnsi="Courier New" w:cs="Courier New"/>
        </w:rPr>
        <w:t xml:space="preserve">ed\'e8\'ff \'f1\'e4\'e5\'eb\'ea\'e8 (1-\'fb\'e9 \'ec\'e5\'f1\'ff\'f6 \endash  \'ec\'e5\'f1\'ff\'f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7\'e0\'ea\'eb\'fe\'f7\'e5\'ed\'e8\'ff \'f1\'e4\'e5\'eb\'ea\'e8), \'ee\'f1\'f2\'e0\'f2\'ee\'ea \'e4\'ee\'eb\'e3\'e0 \endash  \'e2 \'ef\'ee\'f1\'eb\'e5\'e</w:t>
      </w:r>
      <w:r w:rsidRPr="00651F56">
        <w:rPr>
          <w:rFonts w:ascii="Courier New" w:hAnsi="Courier New" w:cs="Courier New"/>
        </w:rPr>
        <w:t>4\'ed\'e8\'e5 7 \'e4\'ed\'e5\'e9 \'f1\'f0\'ee\'ea\'e0 \'e4\'e5\'e9\'f1\'f2\'e2\'e8\'ff \'ca\'f0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8\'f2\'ed\'ee\'e3\'ee \'f1\'ee\'e3\'eb\'e0\'f8\'e5\'ed\'e8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\'e5\'ec\'f9\'e8\'ea \'ee\'e1\'ff\'e7\'f3\'e5\'f2\'f1\'ff \'ef\'f0\'ee</w:t>
      </w:r>
      <w:r w:rsidRPr="00651F56">
        <w:rPr>
          <w:rFonts w:ascii="Courier New" w:hAnsi="Courier New" w:cs="Courier New"/>
        </w:rPr>
        <w:t>\'e8\'e7\'e2\'e5\'f1\'f2\'e8 \'ef\'ee\'e3\'e0\'f8\'e5\'ed\'e8\'e5 (\'e2\'ee\'e7\'e2\'f0\'e0\'f2) \'ea\'f0\'e5\'e4\'e8\'f2\'ee\'e2 \'e2 \'e4\'e0\'f2\'f3, \'ed\'e0\'f1\'f2\'f3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fe\'f9\'f3\'fe \'f7\'e5\'f0\'e5\'e7 2555 \'ea\'e0\'eb\'e5\'ed\'e4\'e0\'</w:t>
      </w:r>
      <w:r w:rsidRPr="00651F56">
        <w:rPr>
          <w:rFonts w:ascii="Courier New" w:hAnsi="Courier New" w:cs="Courier New"/>
        </w:rPr>
        <w:t>f0\'ed\'fb\'f5 \'e4\'ed\'e5\'e9 \'f1 \'e4\'e0\'f2\'fb \'e2\'f1\'f2\'f3\'ef\'eb\'e5\'ed\'e8\'ff \'e2 \'f1\'e8\'eb\'f3 \'d1\'ee\'e3\'eb\'e0\'f8\'e5\'ed\'e8\'ff \'e2 \'ef\'ee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c \'f0\'e0\'e7\'ec\'e5\'f0\'e5 \'e2 \'f1\'ee\'ee\'f2\'e2\'e5\'f2\'f1</w:t>
      </w:r>
      <w:r w:rsidRPr="00651F56">
        <w:rPr>
          <w:rFonts w:ascii="Courier New" w:hAnsi="Courier New" w:cs="Courier New"/>
        </w:rPr>
        <w:t>\'f2\'e2\'e8\'e8 \'f1 \'c3\'f0\'e0\'f4\'e8\'ea\'ee\'ec \'ef\'ee\'e3\'e0\'f8\'e5\'ed\'e8\'ff (\'e2\'ee\'e7\'e2\'f0\'e0\'f2\'e0) \'ca\'f0\'e5\'e4\'e8\'f2\'ee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319\ri0\widctlpar\tx319\wrapdefault\hyphpar0\aspalpha\faro</w:t>
      </w:r>
      <w:r w:rsidRPr="00651F56">
        <w:rPr>
          <w:rFonts w:ascii="Courier New" w:hAnsi="Courier New" w:cs="Courier New"/>
        </w:rPr>
        <w:t>man\adjustright\rin0\lin319\itap0\pararsid2047675 \rtlch\fcs1 \af0\afs24\alang1025 \ltrch\fcs0 \f1\fs20\lang1049\langfe1049\cgrid\langn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b\af0\afs22 \ltrch\fcs0 \b\f0\fs22\insrsid2047675\charrsid2047675      \'d6\'e5\'eb\'</w:t>
      </w:r>
      <w:r w:rsidRPr="00651F56">
        <w:rPr>
          <w:rFonts w:ascii="Courier New" w:hAnsi="Courier New" w:cs="Courier New"/>
        </w:rPr>
        <w:t xml:space="preserve">e5\'e2\'ee\'e5 \'ed\'e0\'e7\'ed\'e0\'f7\'e5\'ed\'e8\'e5:}{\rtlch\fcs1 \af0\afs22 \ltrch\fcs0 \f0\fs22\insrsid2047675\charrsid2047675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2047675\charrsid2047675 \hich\af0</w:t>
      </w:r>
      <w:r w:rsidRPr="00651F56">
        <w:rPr>
          <w:rFonts w:ascii="Courier New" w:hAnsi="Courier New" w:cs="Courier New"/>
        </w:rPr>
        <w:t>\dbch\af0\loch\f0 1.\tab}}\pard \ltrpar\s43\qj \fi-360\li1039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x319\wrapdefault\hyphpar0\aspalpha\faroman\ls48\adjustright\rin0\lin1039\itap0\pararsid2047675 {\rtlch\fcs1 \af0\afs22 \ltrch\fcs0 \f0\fs22\insrsid2047675\charrsid2047675 \'cf\'</w:t>
      </w:r>
      <w:r w:rsidRPr="00651F56">
        <w:rPr>
          <w:rFonts w:ascii="Courier New" w:hAnsi="Courier New" w:cs="Courier New"/>
        </w:rPr>
        <w:t>f0\'e8\'ee\'e1\'f0\'e5\'f2\'e5\'ed\'e8\'e5, \'f0\'e5\'ec\'ee\'ed\'f2, 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4\'e5\'f0\'ed\'e8\'e7\'e0\'f6\'e8\'ff \'ee\'f1\'ed\'ee\'e2\'ed\'fb\'f5 \'f1\'f0\'e5\'e4\'f1\'f2\'e2 (\'e2\'ea\'eb\'fe\'f7\'e0\'ff \'ed\'e5\'e4\'e2\'e8\'e6\'e8\'ec\'ee\'e5 \'</w:t>
      </w:r>
      <w:r w:rsidRPr="00651F56">
        <w:rPr>
          <w:rFonts w:ascii="Courier New" w:hAnsi="Courier New" w:cs="Courier New"/>
        </w:rPr>
        <w:t>e8\'ec\'f3\'f9\'e5\'f1\'f2\'e2\'ee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2047675\charrsid2047675 \hich\af0\dbch\af0\loch\f0 2.\tab}\'d4\'e8\'ed\'e0\'ed\'f1\'e8\'f0\'ee\'e2\'e0\'ed\'e8\'e5 \'f1\'f2\'f0\'ee</w:t>
      </w:r>
      <w:r w:rsidRPr="00651F56">
        <w:rPr>
          <w:rFonts w:ascii="Courier New" w:hAnsi="Courier New" w:cs="Courier New"/>
        </w:rPr>
        <w:t>\'e8\'f2\'e5\'eb\'fc\'f1\'f2\'e2\'e0 (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a\'ee\'ed\'f1\'f2\'f0\'f3\'ea\'f6\'e8\'e8) \'ed\'e5\'e4\'e2\'e8\'e6\'e8\'ec\'ee\'f1\'f2\'e8 \'e4\'eb\'ff \'ee\'f1\'f3\'f9\'e5\'f1\'f2\'e2\'eb\'e5\'ed\'e8\'ff \'e4\'e5\'ff\'f2\'e5\'eb\'fc\'ed\'ee\'f1\'f2\'e</w:t>
      </w:r>
      <w:r w:rsidRPr="00651F56">
        <w:rPr>
          <w:rFonts w:ascii="Courier New" w:hAnsi="Courier New" w:cs="Courier New"/>
        </w:rPr>
        <w:t>8 \'e2 \'f2.\'f7.: \'ee\'ef\'eb\'e0\'f2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e8\'ed\'e6\'e5\'ed\'e5\'f0\'ed\'fb\'f5 \'e8\'e7\'fb\'f1\'ea\'e0\'ed\'e8\'e9 \'e8 \'ef\'f0\'ee\'e5\'ea\'f2\'ed\'ee\'e9 \'e4\'ee\'ea\'f3\'ec\'e5\'ed\'f2\'e0\'f6\'e8\'e8, \'ee\'ef\'eb\'e0\'f2\'e0 \'f0\'e0\'e1\'e</w:t>
      </w:r>
      <w:r w:rsidRPr="00651F56">
        <w:rPr>
          <w:rFonts w:ascii="Courier New" w:hAnsi="Courier New" w:cs="Courier New"/>
        </w:rPr>
        <w:t>e\'f2 \'e8 \'f3\'f1\'eb\'f3\'e3, \'ee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e0\'f2\'e0 \'f1\'f2\'f0\'ee\'e8\'f2\'e5\'eb\'fc\'ed\'ee-\'ec\'ee\'ed\'f2\'e0\'e6\'ed\'fb\'f5 \'f0\'e0\'e1\'ee\'f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2047</w:t>
      </w:r>
      <w:r w:rsidRPr="00651F56">
        <w:rPr>
          <w:rFonts w:ascii="Courier New" w:hAnsi="Courier New" w:cs="Courier New"/>
        </w:rPr>
        <w:t>675\charrsid2047675 \hich\af0\dbch\af0\loch\f0 3.\tab}\'d4\'e8\'ed\'e0\'ed\'f1\'e8\'f0\'ee\'e2\'e0\'ed\'e8\'e5 \'e7\'e0\'f2\'f0\'e0\'f2, \'f1\'e2\'ff\'e7\'e0\'ed\'ed\'f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5 \'f1 \'ef\'f0\'e8\'ee\'e1\'f0\'e5\'f2\'e5\'ed\'e8\'e5\'ec \'ed\'e5\'e4\'e2\'e8\'</w:t>
      </w:r>
      <w:r w:rsidRPr="00651F56">
        <w:rPr>
          <w:rFonts w:ascii="Courier New" w:hAnsi="Courier New" w:cs="Courier New"/>
        </w:rPr>
        <w:t>e6\'e8\'ec\'ee\'f1\'f2\'e8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fi708\li0\ri0\nowidctlpar\wrapdefault\aspalpha\aspnum\faauto\adjustright\rin0\lin0\itap0\pararsid2047675 \rtlch\fcs1 \af0\afs20\alang1025 \ltrch\fcs0 \fs20\lang1049\langfe1049\cgrid\langnp1049\lang</w:t>
      </w:r>
      <w:r w:rsidRPr="00651F56">
        <w:rPr>
          <w:rFonts w:ascii="Courier New" w:hAnsi="Courier New" w:cs="Courier New"/>
        </w:rPr>
        <w:t xml:space="preserve">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ai\af0\afs22 \ltrch\fcs0 \b\fs22\insrsid2047675\charrsid2047675 \'ce\'e1\'e5\'f1\'ef\'e5\'f7\'e5\'ed\'e8\'e5: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34\ri0\widctlpar\wrapdefault\aspalpha\aspnum\faauto\adjustright\rin0\lin34\itap0\pa</w:t>
      </w:r>
      <w:r w:rsidRPr="00651F56">
        <w:rPr>
          <w:rFonts w:ascii="Courier New" w:hAnsi="Courier New" w:cs="Courier New"/>
        </w:rPr>
        <w:t xml:space="preserve">rarsid2047675 \rtlch\fcs1 \af0\afs24\alang1025 \ltrch\fcs0 \f1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ai\af0\afs22 \ltrch\fcs0 \f0\fs22\insrsid2047675\charrsid2047675 \'ef\'ee\'f0\'f3\'f7\'e8\'f2\'e5\'eb\'fc\'f1\'f2\'e2\'ee </w:t>
      </w:r>
      <w:r w:rsidRPr="00651F56">
        <w:rPr>
          <w:rFonts w:ascii="Courier New" w:hAnsi="Courier New" w:cs="Courier New"/>
        </w:rPr>
        <w:t xml:space="preserve">\'f2\'f0\'e5\'f2\'fc\'e8\'f5 \'eb\'e8\'f6:}{\rtlch\fcs1 \af0\afs22 \ltrch\fcs0 \f0\fs22\insrsid2047675\charrsid2047675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2047675\charrsid2047675 \hich\af0\dbch\af0\loch</w:t>
      </w:r>
      <w:r w:rsidRPr="00651F56">
        <w:rPr>
          <w:rFonts w:ascii="Courier New" w:hAnsi="Courier New" w:cs="Courier New"/>
        </w:rPr>
        <w:t>\f0 -\tab}}\pard \ltrpar\s43\qj \fi-283\li317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x317\wrapdefault\aspalpha\aspnum\faauto\ls41\adjustright\rin0\lin317\itap0\pararsid2047675 {\rtlch\fcs1 \af0\afs22 \ltrch\fcs0 \f0\fs22\insrsid2047675\charrsid2047675 \'ce\'ce\'ce \'ab\'c4\'e0\</w:t>
      </w:r>
      <w:r w:rsidRPr="00651F56">
        <w:rPr>
          <w:rFonts w:ascii="Courier New" w:hAnsi="Courier New" w:cs="Courier New"/>
        </w:rPr>
        <w:t>'eb\'fc\'d0\'fb\'e1\'cf\'ee\'f0\'f2\'bb 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2537047582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2047675\charrsid2047675 \hich\af0\dbch\af0\loch\f0 -\tab}\'c0\'ce \'ab\'c4\'e0\'eb\'fc\'ea\'ee\'ec\</w:t>
      </w:r>
      <w:r w:rsidRPr="00651F56">
        <w:rPr>
          <w:rFonts w:ascii="Courier New" w:hAnsi="Courier New" w:cs="Courier New"/>
        </w:rPr>
        <w:t>'f5\'ee\'eb\'ee\'e4\'bb  (\'c8\'cd\'cd 2537003955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2047675\charrsid2047675 \hich\af0\dbch\af0\loch\f0 -\tab}\'d0\'fb\'e1\'ee\'eb\'ee\'e2\'e5\'f6\'ea\'e8\'e9 \'ea\'ee\'</w:t>
      </w:r>
      <w:r w:rsidRPr="00651F56">
        <w:rPr>
          <w:rFonts w:ascii="Courier New" w:hAnsi="Courier New" w:cs="Courier New"/>
        </w:rPr>
        <w:t>eb\'f5\'ee\'e7 \'ab\'ce\'e3\'ed\'e8 \'c2\'ee\'f1\'f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0\'bb (\'c8\'cd\'cd 2528004952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{\listtext\pard\plain\ltrpar \s43 \rtlch\fcs1 \af0\afs22 \ltrch\fcs0 \fs22\insrsid2047675\charrsid2047675 \hich\af0\dbch\af0\loch\f0 -\tab}\'ce\'ce\'ce </w:t>
      </w:r>
      <w:r w:rsidRPr="00651F56">
        <w:rPr>
          <w:rFonts w:ascii="Courier New" w:hAnsi="Courier New" w:cs="Courier New"/>
        </w:rPr>
        <w:t>\'ab\'c0\'ea\'e2\'e0-\'d0\'e5\'f1\'f3\'f0\'f1\'fb\'bb (\'c8\'cd\'cd 253705259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2047675\charrsid2047675 \hich\af0\dbch\af0\loch\f0 -\tab}\'ce\'ce\'ce \'ab\'cc\'e0\'e3\</w:t>
      </w:r>
      <w:r w:rsidRPr="00651F56">
        <w:rPr>
          <w:rFonts w:ascii="Courier New" w:hAnsi="Courier New" w:cs="Courier New"/>
        </w:rPr>
        <w:t>'e8\'f1\'f2\'f0\'e0\'eb\'fc-\'c4\'c2\'bb (\'c8\'cd\'cd 254007789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2047675\charrsid2047675 \hich\af0\dbch\af0\loch\f0 -\tab}\'ce\'ce\'ce \'ab\'c4\'e0\'eb\'fc\'ed\'e5\'</w:t>
      </w:r>
      <w:r w:rsidRPr="00651F56">
        <w:rPr>
          <w:rFonts w:ascii="Courier New" w:hAnsi="Courier New" w:cs="Courier New"/>
        </w:rPr>
        <w:t>e2\'ee\'f1\'f2\'ee\'f7\'ed\'e0\'ff \'f2\'f0\'e0\'ed\'f1\'ef\'ee\'f0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0\'ff \'ea\'ee\'ec\'ef\'e0\'ed\'e8\'ff\'bb (\'c8\'cd\'cd 253708931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2047675\charrsid20</w:t>
      </w:r>
      <w:r w:rsidRPr="00651F56">
        <w:rPr>
          <w:rFonts w:ascii="Courier New" w:hAnsi="Courier New" w:cs="Courier New"/>
        </w:rPr>
        <w:t>47675 \hich\af0\dbch\af0\loch\f0 -\tab}\'ce\'ce\'ce \'ab\'d2\'e8\'f5\'ee\'ee\'ea\'e5\'e0\'ed\'f1\'ea\'e8\'e9 \'e1\'e0\'eb\'ea\'e5\'f0\'ed\'fb\'e9 \'f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c\'e8\'ed\'e0\'eb\'bb (\'c8\'cd\'cd 2537131611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</w:t>
      </w:r>
      <w:r w:rsidRPr="00651F56">
        <w:rPr>
          <w:rFonts w:ascii="Courier New" w:hAnsi="Courier New" w:cs="Courier New"/>
        </w:rPr>
        <w:t>ch\fcs1 \af0\afs22 \ltrch\fcs0 \fs22\insrsid2047675\charrsid2047675 \hich\af0\dbch\af0\loch\f0 -\tab}\'c0\'ce \'ab\'d2\'e5\'f0\'ec\'e8\'ed\'e0\'eb \'c0\'f1\'f2\'e0\'f4\'fc\'e5\'e2\'e0\'bb (\'c8\'cd\'cd 2508129784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</w:t>
      </w:r>
      <w:r w:rsidRPr="00651F56">
        <w:rPr>
          <w:rFonts w:ascii="Courier New" w:hAnsi="Courier New" w:cs="Courier New"/>
        </w:rPr>
        <w:t xml:space="preserve"> \rtlch\fcs1 \af0\afs22 \ltrch\fcs0 \fs22\insrsid2047675\charrsid2047675 \hich\af0\dbch\af0\loch\f0 -\tab}\'ce\'ce\'ce \'ab\'c1\'e5\'f0\'e5\'e3\'e0 \'cf\'f0\'e8\'ec\'ee\'f0\'fc\'ff\'bb (\'c8\'cd\'cd 2537082386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</w:t>
      </w:r>
      <w:r w:rsidRPr="00651F56">
        <w:rPr>
          <w:rFonts w:ascii="Courier New" w:hAnsi="Courier New" w:cs="Courier New"/>
        </w:rPr>
        <w:t>ch\fcs1 \af0\afs22 \ltrch\fcs0 \fs22\insrsid2047675\charrsid2047675 \hich\af0\dbch\af0\loch\f0 -\tab}\'ce\'ce\'ce \'ab\'c0\'ea\'e2\'e0\'e8\'ed\'e4\'f3\'f1\'f2\'f0\'e8\'ff\'bb (\'c8\'cd\'cd 2537067613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43\qj \li0\ri0\widctlpar\tx350\w</w:t>
      </w:r>
      <w:r w:rsidRPr="00651F56">
        <w:rPr>
          <w:rFonts w:ascii="Courier New" w:hAnsi="Courier New" w:cs="Courier New"/>
        </w:rPr>
        <w:t>rapdefault\aspalpha\aspnum\faauto\adjustright\rin0\lin0\itap0\pararsid2047675 {\rtlch\fcs1 \af0\afs22 \ltrch\fcs0 \f0\fs22\insrsid2047675\charrsid2047675 -   \'ca\'ee\'ed\'e4\'f0\'e0\'f2\'ee\'e2 \'d0\'f3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e0\'ed \'c2\'e8\'ea\'f2\'ee\'f0\'ee\'e2\'</w:t>
      </w:r>
      <w:r w:rsidRPr="00651F56">
        <w:rPr>
          <w:rFonts w:ascii="Courier New" w:hAnsi="Courier New" w:cs="Courier New"/>
        </w:rPr>
        <w:t xml:space="preserve">e8\'f7;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4\qj \li0\ri0\nowidctlpar\wrapdefault\faauto\rin0\lin0\itap0\pararsid2047675 \rtlch\fcs1 \af1\afs24\alang1025 \ltrch\fcs0 \f1\fs24\cf1\lang1049\langfe1049\cgrid\langnp1049\langfenp1049 {\rtlch\fcs1 \af0\afs22 \ltrch\fc</w:t>
      </w:r>
      <w:r w:rsidRPr="00651F56">
        <w:rPr>
          <w:rFonts w:ascii="Courier New" w:hAnsi="Courier New" w:cs="Courier New"/>
        </w:rPr>
        <w:t xml:space="preserve">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0\fs22\cf0\insrsid2047675\charrsid2047675 \'c2\'e8\'e4 \'ee\'f2\'e2\'e5\'f2\'f1\'f2\'e2\'e5\'ed\'ed\'ee\'f1\'f2\'e8 \'ef\'ee\'f0\'f3\'f7\'e8\'f2\'e5\'eb\'ff: \'f1\'ee\'eb\'e8\'e4\'e0\'f0\'ed\'e0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0\'e0\'e7\'ec\'e5\'f0 \'ee\'f2\'e2\'e5\'</w:t>
      </w:r>
      <w:r w:rsidRPr="00651F56">
        <w:rPr>
          <w:rFonts w:ascii="Courier New" w:hAnsi="Courier New" w:cs="Courier New"/>
        </w:rPr>
        <w:t>f2\'f1\'f2\'e2\'e5\'ed\'ed\'ee\'f1\'f2\'e8 \'ef\'ee\'f0\'f3\'f7\'e8\'f2\'e5\'eb\'ff: \'ed\'e0 \'e2\'f1\'fe \'f1\'f3\'ec\'ec\'f3 \'ee\'e1\'ff\'e7\'e0\'f2\'e5\'eb\'fc\'f1\'f2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widctlpar\tx350\wrapdefault\aspalph</w:t>
      </w:r>
      <w:r w:rsidRPr="00651F56">
        <w:rPr>
          <w:rFonts w:ascii="Courier New" w:hAnsi="Courier New" w:cs="Courier New"/>
        </w:rPr>
        <w:t xml:space="preserve">a\aspnum\faauto\adjustright\rin0\lin0\itap0\pararsid2047675 \rtlch\fcs1 \af0\afs24\alang1025 \ltrch\fcs0 \f1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0\fs22\insrsid2047675\charrsid2047675 \'c7\'e0\'eb\'</w:t>
      </w:r>
      <w:r w:rsidRPr="00651F56">
        <w:rPr>
          <w:rFonts w:ascii="Courier New" w:hAnsi="Courier New" w:cs="Courier New"/>
        </w:rPr>
        <w:t>ee\'e3 \'e4\'e2\'e8\'e6\'e8\'ec\'ee\'e3\'ee \'e8\'ec\'f3\'f9\'e5\'f1\'f2\'e2\'e0 (\'f1\'ef\'e5\'f6\'f2\'e5\'f5\'ed\'e8\'ea\'e8, \'ee\'e1\'ee\'f0\'f3\'e4\'ee\'e2\'e0\'ed\'e8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), \'ef\'f0\'e8\'ed\'e0\'e4\'eb\'e5\'e6\'e0\'f9\'e5\'e3\'ee \'c0\'ce \'ab\'d2\</w:t>
      </w:r>
      <w:r w:rsidRPr="00651F56">
        <w:rPr>
          <w:rFonts w:ascii="Courier New" w:hAnsi="Courier New" w:cs="Courier New"/>
        </w:rPr>
        <w:t>'e5\'f0\'ec\'e8\'ed\'e0\'eb \'c0\'f1\'f2\'e0\'f4\'fc\'e5\'e2\'e0\'bb \'e2 \'f1\'ee\'ee\'f2\'e2\'e5\'f2\'f1\'f2\'e2\'e8\'e8 \'f1 \'e4\'ee\'e3\'ee\'e2\'ee\'f0\'ee\'ec \'ee 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b\'ee\'e3\'e5, \'ea\'ee\'f2\'ee\'f0\'fb\'e9 \'ef\'ee\'e4\'eb\'e5\'e6\'e8\</w:t>
      </w:r>
      <w:r w:rsidRPr="00651F56">
        <w:rPr>
          <w:rFonts w:ascii="Courier New" w:hAnsi="Courier New" w:cs="Courier New"/>
        </w:rPr>
        <w:t>'f2 \'e7\'e0\'ea\'eb\'fe\'f7\'e5\'ed\'e8\'fe \'ec\'e5\'e6\'e4\'f3 \'ca\'f0\'e5\'e4\'e8\'f2\'ee\'f0\'ee\'ec \'e8 \'c7\'e0\'e5\'ec\'f9\'e8\'ea\'ee\'ec \'ef\'ee \'f4\'ee\'f0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, \'ef\'f0\'e5\'e4\'eb\'ee\'e6\'e5\'ed\'ed\'ee\'e9 \'ca\'f0\'e5\'e4\'e8\'f2\</w:t>
      </w:r>
      <w:r w:rsidRPr="00651F56">
        <w:rPr>
          <w:rFonts w:ascii="Courier New" w:hAnsi="Courier New" w:cs="Courier New"/>
        </w:rPr>
        <w:t>'ee\'f0\'ee\'ec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60\qj \li-57\ri-57\nowidctlpar\wrapdefault\aspalpha\aspnum\faauto\adjustright\rin-57\lin-57\itap0\pararsid2047675 \rtlch\fcs1 \af0\afs24\alang1025 \ltrch\fcs0 \f1\fs20\lang1049\langfe1049\cgrid\langnp1049\langfe</w:t>
      </w:r>
      <w:r w:rsidRPr="00651F56">
        <w:rPr>
          <w:rFonts w:ascii="Courier New" w:hAnsi="Courier New" w:cs="Courier New"/>
        </w:rPr>
        <w:t xml:space="preserve">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0\afs22 \ltrch\fcs0 \b\f0\fs22\insrsid2047675\charrsid2047675 \'cf\'f0\'ee\'f6\'e5\'ed\'f2\'ed\'e0\'ff \'f1\'f2\'e0\'e2\'ea\'e0}{\rtlch\fcs1 \ab\af0\afs22 \ltrch\fcs0 \f0\fs22\insrsid2047675\charrsid2047675 : }{\rtlch\fcs1 \af0\</w:t>
      </w:r>
      <w:r w:rsidRPr="00651F56">
        <w:rPr>
          <w:rFonts w:ascii="Courier New" w:hAnsi="Courier New" w:cs="Courier New"/>
        </w:rPr>
        <w:t xml:space="preserve">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s22\lang1049\langfe1033\loch\af0\hich\af0\dbch\af39\langfenp1033\insrsid2047675\charrsid204767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9\qj \li-57\ri-57\widctlpar\wrapdefault\aspalpha\aspnum\faauto\adjustright\rin-57\lin-57\itap0\pararsid20476</w:t>
      </w:r>
      <w:r w:rsidRPr="00651F56">
        <w:rPr>
          <w:rFonts w:ascii="Courier New" w:hAnsi="Courier New" w:cs="Courier New"/>
        </w:rPr>
        <w:t xml:space="preserve">75 \rtlch\fcs1 \af0\afs20\alang1025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0\lang1049\langfe1049\loch\af39\hich\af39\dbch\af39\cgrid\langnp1049\langfenp1049 {\rtlch\fcs1 \ai\af0\afs22 \ltrch\fcs0 \b\f0\fs22\insrsid2047675\charrsid2047675 \'cb\'fc\'e3\'ee\'f2\'ed\'e0\'ff \'ef\'</w:t>
      </w:r>
      <w:r w:rsidRPr="00651F56">
        <w:rPr>
          <w:rFonts w:ascii="Courier New" w:hAnsi="Courier New" w:cs="Courier New"/>
        </w:rPr>
        <w:t>f0\'ee\'f6\'e5\'ed\'f2\'ed\'e0\'ff \'f1\'f2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2\'ea\'e0}{\rtlch\fcs1 \ab\af0\afs22 \ltrch\fcs0 \b\f0\fs22\insrsid2047675\charrsid2047675 \hich\af0\dbch\af39\loch\f0 : 6,7}{\rtlch\fcs1 \ab\af0\afs22 \ltrch\fcs0 \f0\fs22\insrsid2047675\charrsid2047675 </w:t>
      </w:r>
      <w:r w:rsidRPr="00651F56">
        <w:rPr>
          <w:rFonts w:ascii="Courier New" w:hAnsi="Courier New" w:cs="Courier New"/>
        </w:rPr>
        <w:t>\hich\af0\dbch\af39\loch\f0 \hich\f0 % \'e3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e\'e2\'fb\'f5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b\f0\fs22\insrsid2047675\charrsid2047675 \loch\af0\dbch\af39\hich\f0 \'cf\'f0\'ee}{\rtlch\fcs1 \ai\af0\afs22 \ltrch\fcs0 \b\f0\fs22\insrsid20</w:t>
      </w:r>
      <w:r w:rsidRPr="00651F56">
        <w:rPr>
          <w:rFonts w:ascii="Courier New" w:hAnsi="Courier New" w:cs="Courier New"/>
        </w:rPr>
        <w:t>47675\charrsid2047675 \loch\af0\dbch\af39\hich\f0 \'e3\'f0\'e0\'ec\'ec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 1764}{\rtlch\fcs1 \af0\afs22 \ltrch\fcs0 \f0\fs22\cgrid0\insrsid2047675\charrsid2047675 \hich\af0\dbch\af39\loch\f0  \hich\f0 \endash \loch\f0  }{\rtlch\fcs1 \af0\afs22 \</w:t>
      </w:r>
      <w:r w:rsidRPr="00651F56">
        <w:rPr>
          <w:rFonts w:ascii="Courier New" w:hAnsi="Courier New" w:cs="Courier New"/>
        </w:rPr>
        <w:t xml:space="preserve">ltrch\fcs0 \f0\fs22\insrsid2047675\charrsid204767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af0\dbch\af39\hich\f0 \'cf\'f0\'e0\'e2\'e8\'eb\'e0\loch\f0 \hich\f0  \'ef\'f0\'e5\'e4\'ee\'f1\'f2\'e0\'e2\'eb\'e5\'ed\'e8\'ff\loch\f0 \hich\f0  \'f1\'f3\'e1\'f1\'e8\'e4\'e8\'e9\loch\f0 \hich\f0  \'</w:t>
      </w:r>
      <w:r w:rsidRPr="00651F56">
        <w:rPr>
          <w:rFonts w:ascii="Courier New" w:hAnsi="Courier New" w:cs="Courier New"/>
        </w:rPr>
        <w:t>e8\'e7\loch\f0 \hich\f0  \'f4\'e5\'e4\'e5\'f0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c\'ed\'ee\'e3\'ee\loch\f0 \hich\f0  \'e1\'fe\'e4\'e6\'e5\'f2\'e0\loch\f0 \hich\f0  \'f0\'ee\'f1\'f1\'e8\'e9\'f1\'ea\'e8\'ec\loch\f0 \hich\f0  \'ea\'f0\'e5\'e4\'e8\'f2\'ed\'fb\'ec\loch\f0 \hich\f0  \</w:t>
      </w:r>
      <w:r w:rsidRPr="00651F56">
        <w:rPr>
          <w:rFonts w:ascii="Courier New" w:hAnsi="Courier New" w:cs="Courier New"/>
        </w:rPr>
        <w:t>'ee\'f0\'e3\'e0\'ed\'e8\'e7\'e0\'f6\'e8\'ff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8\loch\f0 \hich\f0  \'f1\'ef\'e5\'f6\'e8\'e0\'eb\'e8\'e7\'e8\'f0\'ee\'e2\'e0\'ed\'ed\'fb\'ec\loch\f0 \hich\f0  \'f4\'e8\'ed\'e0\'ed\'f1\'ee\'e2\'fb\'ec\loch\f0 \hich\f0  \'ee\'e1\'f9\'e</w:t>
      </w:r>
      <w:r w:rsidRPr="00651F56">
        <w:rPr>
          <w:rFonts w:ascii="Courier New" w:hAnsi="Courier New" w:cs="Courier New"/>
        </w:rPr>
        <w:t>5\'f1\'f2\'e2\'e0\'ec\loch\f0 \hich\f0  \'ed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2\'ee\'e7\'ec\'e5\'f9\'e5\'ed\'e8\'e5\loch\f0 \hich\f0  \'ed\'e5\'e4\'ee\'ef\'ee\'eb\'f3\'f7\'e5\'ed\'ed\'fb\'f5\loch\f0 \hich\f0  \'e8\'ec\'e8\loch\f0 \hich\f0  \'e4\'ee\'f5\'ee\'e4\'</w:t>
      </w:r>
      <w:r w:rsidRPr="00651F56">
        <w:rPr>
          <w:rFonts w:ascii="Courier New" w:hAnsi="Courier New" w:cs="Courier New"/>
        </w:rPr>
        <w:t xml:space="preserve">ee\'e2\loch\f0 \hich\f0  \'ef\'ee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a\'f0\loch\af0\dbch\af39\hich\f0 \'e5\'e4\'e8\'f2\'e0\'ec\loch\f0 \hich\f0 , \'e2\'fb\'e4\'e0\'ed\'ed\'fb\'ec\loch\f0 \hich\f0  \'e2\loch\f0 \hich\f0  2019 - 2024 \'e3\'ee\'e4\'e0\'f5\loch\f0 \hich\f</w:t>
      </w:r>
      <w:r w:rsidRPr="00651F56">
        <w:rPr>
          <w:rFonts w:ascii="Courier New" w:hAnsi="Courier New" w:cs="Courier New"/>
        </w:rPr>
        <w:t>0  \'f1\'f3\'e1\'fa\'e5\'ea\'f2\'e0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c\'e0\'eb\'ee\'e3\'ee\loch\f0 \hich\f0  \'e8\loch\f0 \hich\f0  \'f1\'f0\'e5\'e4\'ed\'e5\'e3\'ee\loch\f0 \hich\f0  \'ef\'f0\'e5\'e4\'ef\'f0\'e8\'ed\'e8\'ec\'e0\'f2\'e5\'eb\'fc\'f1\'f2\'e2\'e0\lo</w:t>
      </w:r>
      <w:r w:rsidRPr="00651F56">
        <w:rPr>
          <w:rFonts w:ascii="Courier New" w:hAnsi="Courier New" w:cs="Courier New"/>
        </w:rPr>
        <w:t xml:space="preserve">ch\f0 \hich\f0 , \'e0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0\'ea\'e6\'e5\loch\f0 \hich\f0  \'f4\'e8\'e7\'e8\'f7\'e5\'f1\'ea\'e8\'ec\loch\f0 \hich\f0  \'eb\'e8\'f6\'e0\'ec\loch\f0 \hich\f0 , \'ef\'f0\'e8\'ec\'e5\'ed\'ff\'fe\'f9\'e8\'ec\loch\f0 \hich\f0  \'f1\'ef\'e5\</w:t>
      </w:r>
      <w:r w:rsidRPr="00651F56">
        <w:rPr>
          <w:rFonts w:ascii="Courier New" w:hAnsi="Courier New" w:cs="Courier New"/>
        </w:rPr>
        <w:t xml:space="preserve">'f6\'e8\'e0\'eb\'fc\'ed\'fb\'e9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d\'e0\'eb\'ee\'e3\'ee\'e2\'fb\'e9\loch\f0 \hich\f0  \'f0\'e5\'e6\'e8\'ec\loch\f0 \hich\f0  \'ab\'cd\'e0\'eb\'ee\'e3\loch\f0 \hich\f0  \'ed\'e0\loch\f0 \hich\f0  \'ef\'f0\'ee\'f4\'e5\'f1\'f1\'e8\'ee\'ed</w:t>
      </w:r>
      <w:r w:rsidRPr="00651F56">
        <w:rPr>
          <w:rFonts w:ascii="Courier New" w:hAnsi="Courier New" w:cs="Courier New"/>
        </w:rPr>
        <w:t xml:space="preserve">\'e0\'eb\'fc\'ed\'fb\'e9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4\'ee\'f5\'ee\'e4\'bb\loch\f0 \hich\f0 , \'ef\'ee\loch\f0 \hich\f0  \'eb\'fc\'e3\'ee\'f2\'ed\'ee\'e9\loch\f0 \hich\f0  \'f1\'f2\'e0\'e2\'ea\'e5\loch\f0 \hich\f0 , \'f3\'f2\'e2\'e5\'f0\'e6\'e4\'e5\'ed\'ed\'fb\</w:t>
      </w:r>
      <w:r w:rsidRPr="00651F56">
        <w:rPr>
          <w:rFonts w:ascii="Courier New" w:hAnsi="Courier New" w:cs="Courier New"/>
        </w:rPr>
        <w:t>'e5\loch\f0 \hich\f0  \'cf\'ee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0\'ed\'ee\'e2\'eb\'e5\'ed\'e8\'e5\'ec\loch\f0 \hich\f0  \'cf\'f0\'e0\'e2\'e8\'f2\'e5\'eb\'fc\'f1\'f2\'e2\'e0\loch\f0 \hich\f0  \'d0\'d4\loch\f0 \hich\f0  \'b9\loch\f0 17\hich\af0\dbch\af39\loch\f0 6\hich\af0\dbch\</w:t>
      </w:r>
      <w:r w:rsidRPr="00651F56">
        <w:rPr>
          <w:rFonts w:ascii="Courier New" w:hAnsi="Courier New" w:cs="Courier New"/>
        </w:rPr>
        <w:t>af39\loch\f0 \hich\f0 4 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30.12.2018 \'e3\loch\f0 \hich\f0 ., \'f1\loch\f0 \hich\f0  \'f3\'f7\'e5\'f2\'ee\'ec\loch\f0 \hich\f0  \'ef\'ee\'f1\'eb\'e5\'e4\'f3\'fe\'f9\'e8\'f5\loch\f0 \hich\f0  \'e8\'e7\'ec\'e5\'ed\'e5\'ed\'e8\'e9\l</w:t>
      </w:r>
      <w:r w:rsidRPr="00651F56">
        <w:rPr>
          <w:rFonts w:ascii="Courier New" w:hAnsi="Courier New" w:cs="Courier New"/>
        </w:rPr>
        <w:t>och\f0 \hich\f0  (\'e4\'e0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5\loch\f0 \hich\f0  \'cf\'f0\'ee\'e3\'f0\'e0\'ec\'ec\'e0\loch\f0  1764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30 \rtlch\fcs1 \af0\afs22 \ltrch\fcs0 \f3\fs22\insrsid2047675\charrsid2047675 \loch\af3\dbch\af0\hich\f3 \'</w:t>
      </w:r>
      <w:r w:rsidRPr="00651F56">
        <w:rPr>
          <w:rFonts w:ascii="Courier New" w:hAnsi="Courier New" w:cs="Courier New"/>
        </w:rPr>
        <w:t>b7\tab}}\pard\plain \ltr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30\ql \fi-360\li720\ri0\widctlpar\wrapdefault\aspalpha\aspnum\faauto\ls47\adjustright\rin0\lin720\itap0\pararsid2047675 \rtlch\fcs1 \af0\afs20\alang1025 \ltrch\fcs0 \fs22\lang1049\langfe1049\cgrid\langnp1049\langfenp1049 {\rt</w:t>
      </w:r>
      <w:r w:rsidRPr="00651F56">
        <w:rPr>
          <w:rFonts w:ascii="Courier New" w:hAnsi="Courier New" w:cs="Courier New"/>
        </w:rPr>
        <w:t xml:space="preserve">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insrsid2047675\charrsid2047675 \'c1\'e0\'ed\'ea \'e2\'ef\'f0\'e0\'e2\'e5 \'e2 \'ee\'e4\'ed\'ee\'f1\'f2\'ee\'f0\'ee\'ed\'ed\'e5\'ec \'ef\'ee\'f0\'ff\'e4\'ea\'e5 \'f3\'e2\'e5\'eb\'e8\'f7\'e8\'f2\'fc \'f0\'e0\'e7\'ec\'e5\'f0</w:t>
      </w:r>
      <w:r w:rsidRPr="00651F56">
        <w:rPr>
          <w:rFonts w:ascii="Courier New" w:hAnsi="Courier New" w:cs="Courier New"/>
        </w:rPr>
        <w:t xml:space="preserve"> \'cb\'fc\'e3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9 \'ef\'f0\'ee\'f6\'e5\'ed\'f2\'ed\'ee\'e9 \'f1\'f2\'e0\'e2\'ea\'e8 \'e4\'ee \'f3\'f0\'ee\'e2\'ed\'ff  9% (\'c4\'e5\'e2\'ff\'f2\'fc) \'e3\'ee\'e4\'ee\'e2\'fb\'f5 \'e2 \'f1\'eb\'f3\'f7\'e0\'e5 \'e2\'fb\'ff\'e2\'eb\'e5\'ed\'</w:t>
      </w:r>
      <w:r w:rsidRPr="00651F56">
        <w:rPr>
          <w:rFonts w:ascii="Courier New" w:hAnsi="Courier New" w:cs="Courier New"/>
        </w:rPr>
        <w:t>e8\'ff \'ee\'e4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3\'ee \'e8\'eb\'e8 \'ed\'e5\'f1\'ea\'ee\'eb\'fc\'ea\'e8\'f5 \'e8\'e7 \'f1\'eb\'e5\'e4\'f3\'fe\'f9\'e8\'f5 \'ee\'f1\'ed\'ee\'e2\'e0\'ed\'e8\'e9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1\qj \li0\ri0\widctlpar\tx426\wrapdefault\aspalpha\aspn</w:t>
      </w:r>
      <w:r w:rsidRPr="00651F56">
        <w:rPr>
          <w:rFonts w:ascii="Courier New" w:hAnsi="Courier New" w:cs="Courier New"/>
        </w:rPr>
        <w:t xml:space="preserve">um\faauto\adjustright\rin0\lin0\itap0\pararsid2047675 \rtlch\fcs1 \af0\afs24\alang1025 \ltrch\fcs0 \f1\fs20\lang1033\langfe1049\cgrid\langnp1033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0\fs22\lang1049\langfe1033\langnp1049\langfenp1033\insrsid</w:t>
      </w:r>
      <w:r w:rsidRPr="00651F56">
        <w:rPr>
          <w:rFonts w:ascii="Courier New" w:hAnsi="Courier New" w:cs="Courier New"/>
        </w:rPr>
        <w:t>2047675\charrsid2047675 1.   \'e2\'fb\'ff\'e2\'eb\'e5\'ed\'e8\'e5 \'f4\'e0\'ea\'f2\'e0 \'ed\'e5\'f6\'e5\'eb\'e5\'e2\'ee\'e3\'ee \'e8\'f1\'ef\'ee\'eb\'fc\'e7\'ee\'e2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f \'c7\'e0\'e5\'ec\'f9\'e8\'ea\'ee\'ec \'ea\'f0\'e5\'e4\'e8\'f2\'e0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</w:t>
      </w:r>
      <w:r w:rsidRPr="00651F56">
        <w:rPr>
          <w:rFonts w:ascii="Courier New" w:hAnsi="Courier New" w:cs="Courier New"/>
        </w:rPr>
        <w:t>2. \'e2\'fb\'ff\'e2\'eb\'e5\'ed\'e8\'e5 \'f4\'e0\'ea\'f2\'e0 \'ed\'e5\'f1\'ee\'ee\'f2\'e2\'e5\'f2\'f1\'f2\'e2\'e8\'ff \'c7\'e0\'e5\'ec\'f9\'e8\'ea\'e0 \'ed\'e0 \'e4\'e5\'ed\'fc \'e7\'e0\'ea\'eb\'fe\'f7\'e5\'ed\'e8\'ff \'ea\'f0\'e5\'e4\'e8\'f2\'ed\'ee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 \'f1\'ee\'e3\'eb\'e0\'f8\'e5\'ed\'e8\'ff \'ee\'e4\'ed\'ee\'ec\'f3 \'e8\'eb\'e8 \'ed\'e5\'f1\'ea\'ee\'eb\'fc\'ea\'e8\'ec \'f2\'f0\'e5\'e1\'ee\'e2\'e0\'ed\'e8\'ff\'ec, \'e8\'e7\'eb\'ee\'e6\'e5\'ed\'ed\'fb\'ec \'e2 \'ef. 20 \'cf\'f0\'ee\'e3\'f0\'e0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'fb 176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3. }{\rtlch\fcs1 \af0\afs22 \ltrch\fcs0 \fs22\lang1049\langfe1049\loch\af0\hich\af0\dbch\af39\langnp1049\insrsid2047675\charrsid2047675 \loch\af0\dbch\af39\hich\f0 \'ef\'f0\'e5\'ea\'f0\'e0\'f9\'e5\'ed\'e8\'e5\loch\f0 \hich\f0  \'e4\'e5</w:t>
      </w:r>
      <w:r w:rsidRPr="00651F56">
        <w:rPr>
          <w:rFonts w:ascii="Courier New" w:hAnsi="Courier New" w:cs="Courier New"/>
        </w:rPr>
        <w:t>\'e9\'f1\'f2\'e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\loch\f0 \hich\f0  \'cf\'f0\'ee\'e3\'f0\'e0\'ec\'ec\'fb\loch\f0  1764 / \loch\af0\dbch\af39\hich\f0 \'ee\'f2\'ec\'e5\'ed\'e0\loch\f0 \hich\f0  \'cf\'ee\'f1\'f2\'e0\'ed\'ee\'e2\'eb\'e5\'ed\'e8\'ff\loch\f0 \hich\f0  \'cf\'f0\'e0\'e2</w:t>
      </w:r>
      <w:r w:rsidRPr="00651F56">
        <w:rPr>
          <w:rFonts w:ascii="Courier New" w:hAnsi="Courier New" w:cs="Courier New"/>
        </w:rPr>
        <w:t>\'e8\'f2\'e5\'eb\'f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2\'e2\'e0\loch\f0 \hich\f0  \'d0\'ee\'f1\'f1\'e8\'e9\'f1\'ea\'ee\'e9\loch\f0 \hich\f0  \'d4\'e5\'e4\'e5\'f0\'e0\'f6\'e8\'e8\loch\f0 \hich\f0  \'ee\'f2\loch\f0 \hich\f0  30.12.2018 \'b9\loch\f0 \hich\f0 1764 \'ab\'ce\'e1\loch\f0</w:t>
      </w:r>
      <w:r w:rsidRPr="00651F56">
        <w:rPr>
          <w:rFonts w:ascii="Courier New" w:hAnsi="Courier New" w:cs="Courier New"/>
        </w:rPr>
        <w:t xml:space="preserve"> \hich\f0  \'f3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5\'f0\'e6\'e4\'e5\'ed\'e8\'e8\loch\f0 \hich\f0  \'cf\'f0\'e0\'e2\'e8\'eb\loch\f0 \hich\f0  \'ef\'f0\'e5\'e4\'ee\'f1\'f2\'e0\'e2\'eb\'e5\'ed\'e8\'ff\loch\f0 \hich\f0  \'f1\'f3\'e1\'f1\'e8\'e4\'e8\'e9\loch\f0 \hich\f0  \'e8\'e7\lo</w:t>
      </w:r>
      <w:r w:rsidRPr="00651F56">
        <w:rPr>
          <w:rFonts w:ascii="Courier New" w:hAnsi="Courier New" w:cs="Courier New"/>
        </w:rPr>
        <w:t>ch\f0 \hich\f0  \'f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4\'e5\'f0\'e0\'eb\'fc\'ed\'ee\'e3\'ee\loch\f0 \hich\f0  \'e1\'fe\'e4\'e6\'e5\'f2\'e0\loch\f0 \hich\f0  \'f0\'ee\'f1\'f1\'e8\'e9\'f1\'ea\'e8\'ec\loch\f0 \hich\f0  \'ea\'f0\'e5\'e4\'e8\'f2\'ed\'fb\'ec\loch\f0 \hich\f0  \'ee\'f0\'</w:t>
      </w:r>
      <w:r w:rsidRPr="00651F56">
        <w:rPr>
          <w:rFonts w:ascii="Courier New" w:hAnsi="Courier New" w:cs="Courier New"/>
        </w:rPr>
        <w:t>e3\'e0\'ed\'e8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f6\'e8\'ff\'ec\loch\f0 \hich\f0  \'e8\loch\f0 \hich\f0  \'f1\'ef\'e5\'f6\'e8\'e0\'eb\'e8\'e7\'e8\'f0\'ee\'e2\'e0\'ed\'ed\'fb\'ec\loch\f0 \hich\f0  \'f4\'e8\'ed\'e0\'ed\'f1\'ee\'e2\'fb\'ec\loch\f0 \hich\f0  \'ee\'e1\'f9\'e5\'f1\'f2</w:t>
      </w:r>
      <w:r w:rsidRPr="00651F56">
        <w:rPr>
          <w:rFonts w:ascii="Courier New" w:hAnsi="Courier New" w:cs="Courier New"/>
        </w:rPr>
        <w:t>\'e2\'e0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d\'e0\loch\f0 \hich\f0  \'e2\'ee\'e7\'ec\'e5\'f9\'e5\'ed\'e8\'e5\loch\f0 \hich\f0  \'ed\'e5\'e4\'ee\'ef\'ee\'eb\'f3\'f7\'e5\'ed\'ed\'fb\'f5\loch\f0 \hich\f0  \'e8\'ec\'e8\hich\af0\dbch\af39\loch\f0  \loch\af0\dbch\af39\h</w:t>
      </w:r>
      <w:r w:rsidRPr="00651F56">
        <w:rPr>
          <w:rFonts w:ascii="Courier New" w:hAnsi="Courier New" w:cs="Courier New"/>
        </w:rPr>
        <w:t>ich\f0 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f5\'ee\'e4\'ee\'e2\loch\f0 \hich\f0  \'ef\'ee\loch\f0 \hich\f0  \'ea\'f0\'e5\'e4\'e8\'f2\'e0\'ec\loch\f0 \hich\f0 , \'e2\'fb\'e4\'e0\'ed\'ed\'fb\'ec\loch\f0 \hich\f0  \'e2\loch\f0 \hich\f0  2019 - 2024 \'e3\'ee\'e4\'e0\'f5\loch\f0 \hich\</w:t>
      </w:r>
      <w:r w:rsidRPr="00651F56">
        <w:rPr>
          <w:rFonts w:ascii="Courier New" w:hAnsi="Courier New" w:cs="Courier New"/>
        </w:rPr>
        <w:t>f0  \'f1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1\'fa\'e5\'ea\'f2\'e0\'ec\loch\f0 \hich\f0  \'ec\'e0\'eb\'ee\'e3\'ee\loch\f0 \hich\f0  \'e8\loch\f0 \hich\f0  \'f1\'f0\'e5\'e4\'ed\'e5\'e3\'ee\loch\f0 \hich\f0  \'ef\'f0\'e5\'e4\'ef\'f0\'e8\'ed\'e8\'ec\'e0\'f2\'e5\'eb\'fc\'f1\'f2\'e2\'e0\l</w:t>
      </w:r>
      <w:r w:rsidRPr="00651F56">
        <w:rPr>
          <w:rFonts w:ascii="Courier New" w:hAnsi="Courier New" w:cs="Courier New"/>
        </w:rPr>
        <w:t xml:space="preserve">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, \'e0\loch\f0 \hich\f0  \'f2\'e0\'ea\'e6\'e5\loch\f0 \hich\f0  \'f4\'e8\'e7\'e8\'f7\'e5\'f1\'ea\'e8\'ec\loch\f0 \hich\f0  \'eb\'e8\'f6\'e0\'ec\loch\f0 \hich\f0 , \'ef\'f0\'e8\'ec\'e5\'ed\'ff\'fe\'f9\'e8\'ec\loch\f0 \hich\f0  \'f1\'ef\'e5</w:t>
      </w:r>
      <w:r w:rsidRPr="00651F56">
        <w:rPr>
          <w:rFonts w:ascii="Courier New" w:hAnsi="Courier New" w:cs="Courier New"/>
        </w:rPr>
        <w:t>\'f6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b\'fc\'ed\'fb\'e9\loch\f0 \hich\f0  \'ed\'e0\'eb\'ee\'e3\'ee\'e2\'fb\'e9\loch\f0 \hich\f0  \'f0\'e5\'e6\'e8\'ec\loch\f0 \hich\f0  \'ab\'cd\'e0\'eb\'ee\'e3\loch\f0 \hich\f0  \'ed\'e0\loch\f0 \hich\f0  \'ef\'f0\'ee\'f4\'e5\'f1\'f1\'e8\'ee\'e</w:t>
      </w:r>
      <w:r w:rsidRPr="00651F56">
        <w:rPr>
          <w:rFonts w:ascii="Courier New" w:hAnsi="Courier New" w:cs="Courier New"/>
        </w:rPr>
        <w:t>d\'e0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c\'ed\'fb\'e9\loch\f0 \hich\f0  \'e4\'ee\'f5\'ee\'e4\'bb\loch\f0 \hich\f0 , \'ef\'ee\loch\f0 \hich\f0  \'eb\'fc\'e3\'ee\'f2\'ed\'ee\'e9\loch\f0 \hich\f0  \'f1\'f2\'e0\'e2\'ea\'e5\'bb\loch\f0 \hich\f0  (\'f1\loch\f0 \hich\f0  \'f3\'f7\'e5\'f2\</w:t>
      </w:r>
      <w:r w:rsidRPr="00651F56">
        <w:rPr>
          <w:rFonts w:ascii="Courier New" w:hAnsi="Courier New" w:cs="Courier New"/>
        </w:rPr>
        <w:t>'ee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8\'e7\'ec\'e5\'ed\'e5\'ed\'e8\'e9\loch\f0 \hich\f0  \'e8\loch\f0 \hich\f0  \'e4\'ee\'ef\'ee\'eb\'ed\'e5\'ed\'e8\'e9\loch\f0 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0\fs22\lang1049\langfe1033\langnp1049\langfenp1033\in</w:t>
      </w:r>
      <w:r w:rsidRPr="00651F56">
        <w:rPr>
          <w:rFonts w:ascii="Courier New" w:hAnsi="Courier New" w:cs="Courier New"/>
        </w:rPr>
        <w:t>srsid2047675\charrsid2047675 4. \'ef\'ee\'eb\'f3\'f7\'e5\'ed\'e8\'e5 \'c1\'e0\'ed\'ea\'ee\'ec \'ee\'f4\'e8\'f6\'e8\'e0\'eb\'fc\'ed\'ee\'e3\'ee \'ef\'e8\'f1\'fc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cc\'e8\'ed\'e8\'f1\'f2\'e5\'f0\'f1\'f2\'e2\'e0 \'f4\'e8\'ed\'e0\'ed\'f1\'ee\'e2 \'d0</w:t>
      </w:r>
      <w:r w:rsidRPr="00651F56">
        <w:rPr>
          <w:rFonts w:ascii="Courier New" w:hAnsi="Courier New" w:cs="Courier New"/>
        </w:rPr>
        <w:t>\'ee\'f1\'f1\'e8\'e9\'f1\'ea\'ee\'e9 \'d4\'e5\'e4\'e5\'f0\'e0\'f6\'e8\'e8/\'cc\'e8\'ed\'fd\'ea\'ee\'ed\'ee\'ec\'f0\'e0\'e7\'e2\'e8\'f2\'e8\'ff \'d0\'ee\'f1\'f1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 \'ee\'e1 \'ee\'f2\'f1\'f3\'f2\'f1\'f2\'e2\'e8\'e8 \'e1\'fe\'e4\'e6\'e5\'f2\'ed\'fb\'f5</w:t>
      </w:r>
      <w:r w:rsidRPr="00651F56">
        <w:rPr>
          <w:rFonts w:ascii="Courier New" w:hAnsi="Courier New" w:cs="Courier New"/>
        </w:rPr>
        <w:t xml:space="preserve"> \'e0\'f1\'f1\'e8\'e3\'ed\'ee\'e2\'e0\'ed\'e8\'e9 \'e8 \'eb\'e8\'ec\'e8\'f2\'ee\'e2 \'e1\'fe\'e4\'e6\'e5\'f2\'ed\'fb\'f5 \'ee\'e1\'ff\'e7\'e0\'f2\'e5\'eb\'fc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2, \'ed\'e0 \'f6\'e5\'eb\'e8, \'ef\'f0\'e5\'e4\'f3\'f1\'ec\'ee\'f2\'f0\'e5\'ed\'ed\'fb</w:t>
      </w:r>
      <w:r w:rsidRPr="00651F56">
        <w:rPr>
          <w:rFonts w:ascii="Courier New" w:hAnsi="Courier New" w:cs="Courier New"/>
        </w:rPr>
        <w:t>\'e5 }{\rtlch\fcs1 \af0\afs22 \ltrch\fcs0 \f0\fs22\lang1049\langfe1049\langnp1049\insrsid2047675\charrsid2047675  \'cf\'f0\'ee\'e3\'f0\'e0\'ec\'ec\'ee\'e9 1764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0\fs22\lang1049\langfe1033\langnp1049\langfenp1033\insrs</w:t>
      </w:r>
      <w:r w:rsidRPr="00651F56">
        <w:rPr>
          <w:rFonts w:ascii="Courier New" w:hAnsi="Courier New" w:cs="Courier New"/>
        </w:rPr>
        <w:t>id2047675\charrsid2047675 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5. \'ef\'ee\'eb\'f3\'f7\'e5\'ed\'e8\'e5 \'c1\'e0\'ed\'ea\'ee\'ec \'ee\'f2 \'cc\'e8\'ed\'fd\'ea\'ee\'ed\'ee\'ec\'f0\'e0\'e7\'e2\'e8\'f2\'e8\'ff \'d0\'ee\'f1\'f1\'e8\'e8 \'f3\'e2\'e5\'e4\'ee\'ec\'eb\'e5\'ed\'e8\'ff \'ee\'e1 </w:t>
      </w:r>
      <w:r w:rsidRPr="00651F56">
        <w:rPr>
          <w:rFonts w:ascii="Courier New" w:hAnsi="Courier New" w:cs="Courier New"/>
        </w:rPr>
        <w:t xml:space="preserve">\'ee\'f2\'ea\'e0\'e7\'e5 \'e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5\'e4\'ee\'f1\'f2\'e0\'e2\'eb\'e5\'ed\'e8\'e8 \'d1\'f3\'e1\'f1\'e8\'e4\'e8\'e8 }{\rtlch\fcs1 \af0\afs22 \ltrch\fcs0 \f0\fs22\lang1049\langfe1033\cgrid0\langnp1049\langfenp1033\insrsid2047675\charrsid2047675 \'e8/\</w:t>
      </w:r>
      <w:r w:rsidRPr="00651F56">
        <w:rPr>
          <w:rFonts w:ascii="Courier New" w:hAnsi="Courier New" w:cs="Courier New"/>
        </w:rPr>
        <w:t>'e8\'eb\'e8 \'ed\'e5\'ef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3\'f7\'e5\'ed\'e8\'e5 \'c1\'e0\'ed\'ea\'ee\'ec \'f1\'f3\'e1\'f1\'e8\'e4\'e8\'e9 \'e2\'ee\'e7\'ec\'e5\'f9\'e5\'ed\'e8\'ff \'ed\'e5\'e4\'ee\'ef\'ee\'eb\'f3\'f7\'e5\'ed\'ed\'fb\'f5 \'c1\'e0\'ed\'ea\'ee\'ec \'e4\'ee\'f5\'ee</w:t>
      </w:r>
      <w:r w:rsidRPr="00651F56">
        <w:rPr>
          <w:rFonts w:ascii="Courier New" w:hAnsi="Courier New" w:cs="Courier New"/>
        </w:rPr>
        <w:t>\'e4\'ee\'e2 \'ef\'ee \'d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3\'eb\'e0\'f8\'e5\'ed\'e8\'fe \'f1 }{\rtlch\fcs1 \af0\afs22 \ltrch\fcs0 \f0\fs22\lang1049\langfe1033\langnp1049\langfenp1033\insrsid2047675\charrsid2047675 \'c7\'e0\'e5\'ec\'f9\'e8\'ea\'ee\'ec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</w:t>
      </w:r>
      <w:r w:rsidRPr="00651F56">
        <w:rPr>
          <w:rFonts w:ascii="Courier New" w:hAnsi="Courier New" w:cs="Courier New"/>
        </w:rPr>
        <w:t>s22 \ltrch\fcs0 \f0\fs22\lang1049\langfe1033\cgrid0\langnp1049\langfenp1033\insrsid2047675\charrsid2047675 6. \'ed\'e0\'f1\'f2\'f3\'ef\'eb\'e5\'ed\'e8\'e5 \'e8\'ed\'fb\'f5 \'ee\'e1\'f1\'f2\'ee\'ff\'f2\'e5\'eb\'fc\'f1\'f2\'e2, \'e2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a\'f3\'f9\'e8</w:t>
      </w:r>
      <w:r w:rsidRPr="00651F56">
        <w:rPr>
          <w:rFonts w:ascii="Courier New" w:hAnsi="Courier New" w:cs="Courier New"/>
        </w:rPr>
        <w:t>\'f5 \'ef\'f0\'e5\'ea\'f0\'e0\'f9\'e5\'ed\'e8\'e5 \'f1\'f3\'e1\'f1\'e8\'e4\'e8\'f0\'ee\'e2\'e0\'ed\'e8\'ff \'ef\'ee \'d1\'ee\'e3\'eb\'e0\'f8\'e5\'ed\'e8\'fe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30\qj \fi709\li0\ri0\widctlpar\wrapdefault\aspalpha\aspnum\faauto\adju</w:t>
      </w:r>
      <w:r w:rsidRPr="00651F56">
        <w:rPr>
          <w:rFonts w:ascii="Courier New" w:hAnsi="Courier New" w:cs="Courier New"/>
        </w:rPr>
        <w:t xml:space="preserve">stright\rin0\lin0\itap0\pararsid2047675 \rtlch\fcs1 \af0\afs20\alang1025 \ltrch\fcs0 \fs22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insrsid2047675\charrsid2047675 \'cf\'f0\'e8 \'f3\'e2\'e5\'eb\'e8\'f7\'e5\'ed</w:t>
      </w:r>
      <w:r w:rsidRPr="00651F56">
        <w:rPr>
          <w:rFonts w:ascii="Courier New" w:hAnsi="Courier New" w:cs="Courier New"/>
        </w:rPr>
        <w:t>\'e8\'e8 \'c1\'e0\'ed\'ea\'ee\'ec \'f0\'e0\'e7\'ec\'e5\'f0\'e0 \'ef\'f0\'ee\'f6\'e5\'ed\'f2\'ed\'ee\'e9 \'f1\'f2\'e0\'e2\'ea\'e8 \'e2 \'ee\'e4\'ed\'ee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e\'f0\'ee\'ed\'ed\'e5\'ec \'ef\'ee\'f0\'ff\'e4\'ea\'e5 \'e2 \'f1\'ee\'ee\'f2\'e2\'e5\'f2\'f1\</w:t>
      </w:r>
      <w:r w:rsidRPr="00651F56">
        <w:rPr>
          <w:rFonts w:ascii="Courier New" w:hAnsi="Courier New" w:cs="Courier New"/>
        </w:rPr>
        <w:t>'f2\'e2\'e8\'e8 \'f1 \'ca\'f0\'e5\'e4\'e8\'f2\'ed\'fb\'ec \'f1\'ee\'e3\'eb\'e0\'f8\'e5\'ed\'e8\'e5\'ec \'ca\'f0\'e5\'e4\'e8\'f2\'ee\'f0 \'ed\'e0\'ef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2\'eb\'ff\'e5\'f2 \'c7\'e0\'e5\'ec\'f9\'e8\'ea\'f3 \'ef\'e8\'f1\'fc\'ec\'e5\'ed\'ed\'ee\'e5 \'f</w:t>
      </w:r>
      <w:r w:rsidRPr="00651F56">
        <w:rPr>
          <w:rFonts w:ascii="Courier New" w:hAnsi="Courier New" w:cs="Courier New"/>
        </w:rPr>
        <w:t>3\'e2\'e5\'e4\'ee\'ec\'eb\'e5\'ed\'e8\'e5 (\'e2 \'ef\'f0\'ee\'e8\'e7\'e2\'ee\'eb\'fc\'ed\'ee\'e9 \'f4\'ee\'f0\'ec\'e5) \'ee\'e1 \'f3\'e2\'e5\'eb\'e8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e8\'e8 \'ef\'f0\'ee\'f6\'e5\'ed\'f2\'ed\'ee\'e9 \'f1\'f2\'e0\'e2\'ea\'e8 \'f1 \'ed\'e0\'f0\'</w:t>
      </w:r>
      <w:r w:rsidRPr="00651F56">
        <w:rPr>
          <w:rFonts w:ascii="Courier New" w:hAnsi="Courier New" w:cs="Courier New"/>
        </w:rPr>
        <w:t xml:space="preserve">ee\'f7\'ed\'fb\'ec \'e8\'eb\'e8 \'e7\'e0\'ea\'e0\'e7\'ed\'fb\'ec \'ef\'ee\'f7\'f2\'ee\'e2\'fb\'ec \'ee\'f2\'ef\'f0\'e0\'e2\'eb\'e5\'ed\'e8\'e5\'ec \'f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f\'e8\'f1\'fc\'fe \'e2\'eb\'ee\'e6\'e5\'ed\'e8\'ff \'e8\~ \'f3\'e2\'e5\'e4\'ee\'ec\'eb\'e5\'ed\</w:t>
      </w:r>
      <w:r w:rsidRPr="00651F56">
        <w:rPr>
          <w:rFonts w:ascii="Courier New" w:hAnsi="Courier New" w:cs="Courier New"/>
        </w:rPr>
        <w:t>'e8\'e5\'ec \'ee \'e2\'f0\'f3\'f7\'e5\'ed\'e8\'e8, \'e8\'eb\'e8 \'f1 \'e8\'f1\'ef\'ee\'eb\'fc\'e7\'ee\'e2\'e0\'ed\'e8\'e5\'ec \'d1\'e8\'f1\'f2\'e5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b \'c4\'e8\'f1\'f2\'e0\'ed\'f6\'e8\'ee\'ed\'ed\'ee\'e3\'ee \'e1\'e0\'ed\'ea\'ee\'e2\'f1\'ea\'ee\'e3\'</w:t>
      </w:r>
      <w:r w:rsidRPr="00651F56">
        <w:rPr>
          <w:rFonts w:ascii="Courier New" w:hAnsi="Courier New" w:cs="Courier New"/>
        </w:rPr>
        <w:t>ee \'ee\'e1\'f1\'eb\'f3\'e6\'e8\'e2\'e0\'ed\'e8\'ff. \'cd\'ee\'e2\'e0\'ff \'ef\'f0\'ee\'f6\'e5\'ed\'f2\'ed\'e0\'ff \'f1\'f2\'e0\'e2\'ea\'e0 \'ed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7\'e8\'ed\'e0\'e5\'f2 \'e4\'e5\'e9\'f1\'f2\'e2\'ee\'e2\'e0\'f2\'fc \'f1 1 (\'cf\'e5\'f0\'e2\'ee\'e3\'ee</w:t>
      </w:r>
      <w:r w:rsidRPr="00651F56">
        <w:rPr>
          <w:rFonts w:ascii="Courier New" w:hAnsi="Courier New" w:cs="Courier New"/>
        </w:rPr>
        <w:t>) \'f7\'e8\'f1\'eb\'e0 \'ec\'e5\'f1\'ff\'f6\'e0, \'f1\'eb\'e5\'e4\'f3\'fe\'f9\'e5\'e3\'ee \'e7\'e0 \'ec\'e5\'f1\'ff\'f6\'e5\'ec, \'e2 \'ea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e\'f0\'ee\'ec \'c7\'e0\'e5\'ec\'f9\'e8\'ea\'f3 \'e1\'fb\'eb\'ee \'ed\'e0\'ef\'f0\'e0\'e2\'eb\'e5\'ed\'ee </w:t>
      </w:r>
      <w:r w:rsidRPr="00651F56">
        <w:rPr>
          <w:rFonts w:ascii="Courier New" w:hAnsi="Courier New" w:cs="Courier New"/>
        </w:rPr>
        <w:t>\'ef\'e8\'f1\'fc\'ec\'e5\'ed\'ed\'ee\'e5 \'f3\'e2\'e5\'e4\'ee\'ec\'eb\'e5\'ed\'e8\'e5 \'ee\'e1 \'f3\'e2\'e5\'eb\'e8\'f7\'e5\'ed\'e8\'e8 \'ef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f6\'e5\'ed\'f2\'ed\'ee\'e9 \'f1\'f2\'e0\'e2\'ea\'e8.\~ \'d3\'ea\'e0\'e7\'e0\'ed\'ed\'ee\'e5 \'f3\'e2\'e5</w:t>
      </w:r>
      <w:r w:rsidRPr="00651F56">
        <w:rPr>
          <w:rFonts w:ascii="Courier New" w:hAnsi="Courier New" w:cs="Courier New"/>
        </w:rPr>
        <w:t>\'e4\'ee\'ec\'eb\'e5\'ed\'e8\'e5 \'f1\'f7\'e8\'f2\'e0\'e5\'f2\'f1\'ff \'ed\'e0\'ef\'f0\'e0\'e2\'eb\'e5\'ed\'ed\'fb\'ec \'e2 \'ec\'ee\'ec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 \'e2\'f0\'f3\'f7\'e5\'ed\'e8\'ff \'c7\'e0\'e5\'ec\'f9\'e8\'ea\'f3, \'e5\'f1\'eb\'e8 \'ee\'ed\'ee \'ed\'e0</w:t>
      </w:r>
      <w:r w:rsidRPr="00651F56">
        <w:rPr>
          <w:rFonts w:ascii="Courier New" w:hAnsi="Courier New" w:cs="Courier New"/>
        </w:rPr>
        <w:t>\'ef\'f0\'e0\'e2\'eb\'e5\'ed\'ee \'f1 \'ed\'e0\'f0\'ee\'f7\'ed\'fb\'ec, \'e8\'eb\'e8 \'e2 \'ec\'ee\'ec\'e5\'ed\'f2 \'f1\'e4\'e0\'f7\'e8 \'e5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 \'e2 \'ee\'f0\'e3\'e0\'ed\'e8\'e7\'e0\'f6\'e8\'fe \'f1\'e2\'ff\'e7\'e8, \'e5\'f1\'eb\'e8 \'ee\'ed\'ee \'e</w:t>
      </w:r>
      <w:r w:rsidRPr="00651F56">
        <w:rPr>
          <w:rFonts w:ascii="Courier New" w:hAnsi="Courier New" w:cs="Courier New"/>
        </w:rPr>
        <w:t>d\'e0\'ef\'f0\'e0\'e2\'eb\'e5\'ed\'ee \'c7\'e0\'e5\'ec\'f9\'e8\'ea\'f3 \'e7\'e0\'ea\'e0\'e7\'ed\'fb\'ec \'ef\'ee\'f7\'f2\'ee\'e2\'fb\'ec 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f\'f0\'e0\'e2\'eb\'e5\'ed\'e8\'e5\'ec \'f1 \'ee\'ef\'e8\'f1\'fc\'fe \'e2\'eb\'ee\'e6\'e5\'ed\'e8\'ff \'e8 </w:t>
      </w:r>
      <w:r w:rsidRPr="00651F56">
        <w:rPr>
          <w:rFonts w:ascii="Courier New" w:hAnsi="Courier New" w:cs="Courier New"/>
        </w:rPr>
        <w:t>\'f3\'e2\'e5\'e4\'ee\'ec\'eb\'e5\'ed\'e8\'e5\'ec \'ee \'e2\'f0\'f3\'f7\'e5\'ed\'e8\'e8, \'e8\'eb\'e8 \'e2 \'ec\'ee\'ec\'e5\'ed\'f2 \'ef\'e5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4\'e0\'f7\'e8 \'f1\'ee\'ee\'e1\'f9\'e5\'ed\'e8\'ff \'ef\'ee \'d1\'e8\'f1\'f2\'e5\'ec\'e5 \'c4\'e8\'f1\'f</w:t>
      </w:r>
      <w:r w:rsidRPr="00651F56">
        <w:rPr>
          <w:rFonts w:ascii="Courier New" w:hAnsi="Courier New" w:cs="Courier New"/>
        </w:rPr>
        <w:t>2\'e0\'ed\'f6\'e8\'ee\'ed\'ed\'ee\'e3\'ee \'e1\'e0\'ed\'ea\'ee\'e2\'f1\'ea\'ee\'e3\'ee \'ee\'e1\'f1\'eb\'f3\'e6\'e8\'e2\'e0\'ed\'e8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fi709\li0\ri0\widctlpar\wrapdefault\aspalpha\aspnum\faauto\adjustright\rin0\lin0\itap0\p</w:t>
      </w:r>
      <w:r w:rsidRPr="00651F56">
        <w:rPr>
          <w:rFonts w:ascii="Courier New" w:hAnsi="Courier New" w:cs="Courier New"/>
        </w:rPr>
        <w:t xml:space="preserve">ararsid2047675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2047675\charrsid2047675 \'c2 \'f1\'eb\'f3\'f7\'e0\'e5 \'ed\'e0\'ef\'f0\'e0\'e2\'eb\'e5\'e</w:t>
      </w:r>
      <w:r w:rsidRPr="00651F56">
        <w:rPr>
          <w:rFonts w:ascii="Courier New" w:hAnsi="Courier New" w:cs="Courier New"/>
        </w:rPr>
        <w:t>d\'e8\'ff \'ca\'f0\'e5\'e4\'e8\'f2\'ee\'f0\'ee\'ec \'f3\'e2\'e5\'e4\'ee\'ec\'eb\'e5\'ed\'e8\'ff \'ee\'e1 \'f3\'e2\'e5\'eb\'e8\'f7\'e5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 \'ef\'f0\'ee\'f6\'e5\'ed\'f2\'ed\'ee\'e9 \'f1\'f2\'e0\'e2\'ea\'e8 \'ef\'ee \'ee\'f1\'ed\'ee\'e2\'e0\'ed\'e8\</w:t>
      </w:r>
      <w:r w:rsidRPr="00651F56">
        <w:rPr>
          <w:rFonts w:ascii="Courier New" w:hAnsi="Courier New" w:cs="Courier New"/>
        </w:rPr>
        <w:t>'ff\'ec, \'ef\'f0\'e5\'e4\'f3\'f1\'ec\'ee\'f2\'f0\'e5\'ed\'ed\'fb\'ec \'ed\'e0\'f1\'f2\'ee\'ff\'f9\'e8\'ec \'ef\'f3\'ed\'ea\'f2\'ee\'ec, \'c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5\'ec\'f9\'e8\'ea \'e4\'ee \'ed\'e0\'f1\'f2\'f3\'ef\'eb\'e5\'ed\'e8\'ff \'e4\'e0\'f2\'fb \'ed\'e0\'f7\'e0\</w:t>
      </w:r>
      <w:r w:rsidRPr="00651F56">
        <w:rPr>
          <w:rFonts w:ascii="Courier New" w:hAnsi="Courier New" w:cs="Courier New"/>
        </w:rPr>
        <w:t>'eb\'e0 \'e4\'e5\'e9\'f1\'f2\'e2\'e8\'ff \'ed\'ee\'e2\'ee\'e9 \'ef\'f0\'ee\'f6\'e5\'ed\'f2\'ed\'ee\'e9 \'f1\'f2\'e0\'e2\'ea\'e8 \'e2\'ef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2\'e5 \'e4\'ee\'f1\'f0\'ee\'f7\'ed\'ee \'ef\'ee\'e3\'e0\'f1\'e8\'f2\'fc \'ea\'f0\'e5\'e4\'e8\'f2 \'e1\'e5\'</w:t>
      </w:r>
      <w:r w:rsidRPr="00651F56">
        <w:rPr>
          <w:rFonts w:ascii="Courier New" w:hAnsi="Courier New" w:cs="Courier New"/>
        </w:rPr>
        <w:t xml:space="preserve">e7 \'f1\'ee\'e3\'eb\'e0\'f1\'ee\'e2\'e0\'ed\'e8\'ff \'f1 \'ca\'f0\'e5\'e4\'e8\'f2\'ee\'f0\'ee\'ec \'e8 \'e1\'e5\'e7 \'f3\'ef\'eb\'e0\'f2\'f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e\'ec\'e8\'f1\'f1\'e8\'e8 \'e7\'e0 \'e4\'ee\'f1\'f0\'ee\'f7\'ed\'ee\'e5 \'ef\'ee\'e3\'e0\'f8\'e5\'ed\'e8\'</w:t>
      </w:r>
      <w:r w:rsidRPr="00651F56">
        <w:rPr>
          <w:rFonts w:ascii="Courier New" w:hAnsi="Courier New" w:cs="Courier New"/>
        </w:rPr>
        <w:t>e5 \'e8\'eb\'e8 \'e8\'ed\'fb\'f5 \'e4\'ee\'ef\'ee\'eb\'ed\'e8\'f2\'e5\'eb\'fc\'ed\'fb\'f5 \'ef\'eb\'e0\'f2\'e5\'e6\'e5\'e9, \'f1\'e2\'ff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d\'ed\'fb\'f5 \'f1 \'e4\'ee\'f1\'f0\'ee\'f7\'ed\'fb\'ec \'ef\'ee\'e3\'e0\'f8\'e5\'ed\'e8\'e5\'ec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</w:t>
      </w:r>
      <w:r w:rsidRPr="00651F56">
        <w:rPr>
          <w:rFonts w:ascii="Courier New" w:hAnsi="Courier New" w:cs="Courier New"/>
        </w:rPr>
        <w:t>isttext\pard\plain\ltrpar \s33 \rtlch\fcs1 \af0\afs22 \ltrch\fcs0 \f3\fs22\insrsid2047675\charrsid2047675 \loch\af3\dbch\af0\hich\f3 \'b7\tab}}\pard\plain \ltr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33\qj \fi567\li0\ri0\widctlpar\wrapdefault\aspalpha\aspnum\faauto\ls46\adjustright\rin0\li</w:t>
      </w:r>
      <w:r w:rsidRPr="00651F56">
        <w:rPr>
          <w:rFonts w:ascii="Courier New" w:hAnsi="Courier New" w:cs="Courier New"/>
        </w:rPr>
        <w:t xml:space="preserve">n0\itap0\pararsid2047675\contextualspace \rtlch\fcs1 \af0\afs20\alang1025 \ltrch\fcs0 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2047675\charrsid2047675 \'ca\'f0\'e5\'e4\'e8\'f2\'ee\'f0 \'e2\'</w:t>
      </w:r>
      <w:r w:rsidRPr="00651F56">
        <w:rPr>
          <w:rFonts w:ascii="Courier New" w:hAnsi="Courier New" w:cs="Courier New"/>
        </w:rPr>
        <w:t>ef\'f0\'e0\'e2\'e5 \'e2 \'ee\'e4\'ed\'ee\'f1\'f2\'ee\'f0\'ee\'ed\'ed\'e5\'ec \'ef\'ee\'f0\'ff\'e4\'ea\'e5 \'f3\'e2\'e5\'eb\'e8\'f7\'e8\'f2\'fc \'f0\'e0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'e5\'f0 \'ef\'f0\'ee\'f6\'e5\'ed\'f2\'ed\'ee\'e9 \'f1\'f2\'e0\'e2\'ea\'e8 \'ef\'ee \'ca\'f0\'e</w:t>
      </w:r>
      <w:r w:rsidRPr="00651F56">
        <w:rPr>
          <w:rFonts w:ascii="Courier New" w:hAnsi="Courier New" w:cs="Courier New"/>
        </w:rPr>
        <w:t>5\'e4\'e8\'f2\'f3 \'e2 \'f1\'eb\'f3\'f7\'e0\'e5 \'f3\'e2\'e5\'eb\'e8\'f7\'e5\'ed\'e8\'ff \'f1\'eb\'e5\'e4\'f3\'fe\'f9\'e8\'f5 \'ef\'f0\'ee\'f6\'e5\'ed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d\'fb\'f5 \'e8\'ed\'e4\'e8\'ea\'e0\'f2\'ee\'f0\'ee\'e2: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</w:t>
      </w:r>
      <w:r w:rsidRPr="00651F56">
        <w:rPr>
          <w:rFonts w:ascii="Courier New" w:hAnsi="Courier New" w:cs="Courier New"/>
        </w:rPr>
        <w:t xml:space="preserve">i0\widctlpar\wrapdefault\aspalpha\aspnum\faauto\adjustright\rin0\lin0\itap0\pararsid2047675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2047675\char</w:t>
      </w:r>
      <w:r w:rsidRPr="00651F56">
        <w:rPr>
          <w:rFonts w:ascii="Courier New" w:hAnsi="Courier New" w:cs="Courier New"/>
        </w:rPr>
        <w:t>rsid2047675          \'e0) \'ea\'eb\'fe\'f7\'e5\'e2\'ee\'e9 \'f1\'f2\'e0\'e2\'ea\'e8 \'c1\'e0\'ed\'ea\'e0 \'d0\'ee\'f1\'f1\'e8\'e8, \'ef\'f3\'e1\'eb\'e8\'ea\'f3\'e5\'ec\'ee\'e9 \'ed\'e0 \'ee\'f4\'e8\'f6\'e8\'e0\'eb\'f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c \'f1\'e0\'e9\'f2\'e5 \'</w:t>
      </w:r>
      <w:r w:rsidRPr="00651F56">
        <w:rPr>
          <w:rFonts w:ascii="Courier New" w:hAnsi="Courier New" w:cs="Courier New"/>
        </w:rPr>
        <w:t>c1\'e0\'ed\'ea\'e0 \'d0\'ee\'f1\'f1\'e8\'e8 \'e2 \'f1\'e5\'f2\'e8 \'c8\'ed\'f2\'e5\'f0\'ed\'e5\'f2 (www.cbr.ru) \'e8/\'e8\'eb\'e8 \'e2 \'f1\'e8\'f1\'f2\'e5\'ec\'e5 Bloomberg (\'ea\'ee\'e4 \'e8\'ed\'f1\'f2\'f0\'f3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f2\'e0 RREFKEYR Index) \'e8/</w:t>
      </w:r>
      <w:r w:rsidRPr="00651F56">
        <w:rPr>
          <w:rFonts w:ascii="Courier New" w:hAnsi="Courier New" w:cs="Courier New"/>
        </w:rPr>
        <w:t xml:space="preserve">\'e8\'eb\'e8 \'e2 \'f1\'e8\'f1\'f2\'e5\'ec\'e5 Reuters (\'ea\'ee\'e4 \'e8\'ed\'f1\'f2\'f0\'f3\'ec\'e5\'ed\'f2\'e0 RUKEYRATE=CBRF) \'e8/\'e8\'eb\'e8 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\'e1) \'f1\'f0\'e5\'e4\'ed\'e5\'e0\'f0\'e8\'f4\'ec\'e5\'f2\'e8\'f7\'e5\'f1\'ea\'ee\'e3\</w:t>
      </w:r>
      <w:r w:rsidRPr="00651F56">
        <w:rPr>
          <w:rFonts w:ascii="Courier New" w:hAnsi="Courier New" w:cs="Courier New"/>
        </w:rPr>
        <w:t>'ee \'e7\'ed\'e0\'f7\'e5\'ed\'e8\'ff \'e7\'e0 \'ea\'e0\'eb\'e5\'ed\'e4\'e0\'f0\'ed\'fb\'e9 \'ec\'e5\'f1\'ff\'f6 \'f1\'f2\'e0\'e2\'ea\'e8 \'e1\'e5\'f1\'ea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e\'ed\'ed\'ee\'e9 \'e4\'ee\'f5\'ee\'e4\'ed\'ee\'f1\'f2\'e8 \'ce\'d4\'c7 \'f1\'ee \'f1\'f0\</w:t>
      </w:r>
      <w:r w:rsidRPr="00651F56">
        <w:rPr>
          <w:rFonts w:ascii="Courier New" w:hAnsi="Courier New" w:cs="Courier New"/>
        </w:rPr>
        <w:t>'ee\'ea\'ee\'ec \'e4\'ee \'ef\'ee\'e3\'e0\'f8\'e5\'ed\'e8\'ff 3 (\'d2\'f0\'e8) \'e3\'ee\'e4\'e0 \'ef\'ee \'e4\'e0\'ed\'ed\'fb\'ec, \'ef\'f3\'e1\'eb\'e8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'e5\'ec\'fb\'ec \'ed\'e0 \'ee\'f4\'e8\'f6\'e8\'e0\'eb\'fc\'ed\'ee\'ec \'f1\'e0\'e9\'f2\'e5 \'c</w:t>
      </w:r>
      <w:r w:rsidRPr="00651F56">
        <w:rPr>
          <w:rFonts w:ascii="Courier New" w:hAnsi="Courier New" w:cs="Courier New"/>
        </w:rPr>
        <w:t xml:space="preserve">1\'e0\'ed\'ea\'e0 \'d0\'ee\'f1\'f1\'e8\'e8 \'e2 \'f1\'e5\'f2\'e8 \'c8\'ed\'f2\'e5\'f0\'ed\'e5\'f2 (www.cbr.ru).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\'d3\'e2\'e5\'eb\'e8\'f7\'e5\'ed\'e8\'e5 \'e2 \'ee\'e4\'ed\'ee\'f1\'f2\'ee\'f0\'ee\'ed\'ed\'e5\'ec \'ef\'ee\'f0\'ff\'e4\'ea\</w:t>
      </w:r>
      <w:r w:rsidRPr="00651F56">
        <w:rPr>
          <w:rFonts w:ascii="Courier New" w:hAnsi="Courier New" w:cs="Courier New"/>
        </w:rPr>
        <w:t>'e5 \'ef\'f0\'ee\'f6\'e5\'ed\'f2\'ed\'ee\'e9 \'f1\'f2\'e0\'e2\'ea\'e8 \'ee\'f1\'f3\'f9\'e5\'f1\'f2\'e2\'eb\'ff\'e5\'f2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 \'ed\'e0 \'e2\'e5\'eb\'e8\'f7\'e8\'ed\'f3 \'f0\'ee\'f1\'f2\'e0 \'ef\'f0\'ee\'f6\'e5\'ed\'f2\'ed\'ee\'e3\'ee \'e8\'ed\'e4\'e8\'e</w:t>
      </w:r>
      <w:r w:rsidRPr="00651F56">
        <w:rPr>
          <w:rFonts w:ascii="Courier New" w:hAnsi="Courier New" w:cs="Courier New"/>
        </w:rPr>
        <w:t>a\'e0\'f2\'ee\'f0\'e0. \'d0\'ee\'f1\'f2 \'ef\'f0\'ee\'f6\'e5\'ed\'f2\'ed\'ee\'e3\'ee \'e8\'ed\'e4\'e8\'ea\'e0\'f2\'ee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f0\'e0\'f1\'f1\'f7\'e8\'f2\'fb\'e2\'e0\'e5\'f2\'f1\'ff \'ea\'e0\'ea \'f0\'e0\'e7\'ed\'e8\'f6\'e0 \'ec\'e5\'e6\'e4\'f3 \'e7\'ed</w:t>
      </w:r>
      <w:r w:rsidRPr="00651F56">
        <w:rPr>
          <w:rFonts w:ascii="Courier New" w:hAnsi="Courier New" w:cs="Courier New"/>
        </w:rPr>
        <w:t xml:space="preserve">\'e0\'f7\'e5\'ed\'e8\'ff\'ec\'e8 \'ef\'f0\'ee\'f6\'e5\'ed\'f2\'ed\'ee\'e3\'ee \'e8\'ed\'e4\'e8\'ea\'e0\'f2\'ee\'f0\'e0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5\'e9\'f1\'f2\'e2\'ee\'e2\'e0\'e2\'f8\'e8\'ec\'e8 \'e2 \'ef\'e5\'f0\'e2\'fb\'e9 \'d0\'e0\'e1\'ee\'f7\'e8\'e9 \'e4\'e5\'ed\'fc \</w:t>
      </w:r>
      <w:r w:rsidRPr="00651F56">
        <w:rPr>
          <w:rFonts w:ascii="Courier New" w:hAnsi="Courier New" w:cs="Courier New"/>
        </w:rPr>
        <w:t>'f2\'e5\'ea\'f3\'f9\'e5\'e3\'ee \'ec\'e5\'f1\'ff\'f6\'e0 \'e8 \'e2 \'ed\'e0\'e8\'e1\'ee\'eb\'e5\'e5 \'ef\'ee\'e7\'e4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fe\'fe \'e8\'e7 \'ed\'e8\'e6\'e5\'f1\'eb\'e5\'e4\'f3\'fe\'f9\'e8\'f5 \'e4\'e0\'f2: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- \'e2 \'ef\'e5\'f0\'e2\'fb\'</w:t>
      </w:r>
      <w:r w:rsidRPr="00651F56">
        <w:rPr>
          <w:rFonts w:ascii="Courier New" w:hAnsi="Courier New" w:cs="Courier New"/>
        </w:rPr>
        <w:t>e9 \'d0\'e0\'e1\'ee\'f7\'e8\'e9 \'e4\'e5\'ed\'fc \'ec\'e5\'f1\'ff\'f6\'e0, \'f1\'eb\'e5\'e4\'f3\'fe\'f9\'e5\'e3\'ee \'e7\'e0 \'ec\'e5\'f1\'ff\'f6\'e5\'ec, \'e2 \'ea\'ee\'f2\'ee\'f0\'ee\'ec \'e1\'fb\'eb\'e0 \'f3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0\'ed\'ee\'e2\'eb\'e5\'ed\'e0 \'e</w:t>
      </w:r>
      <w:r w:rsidRPr="00651F56">
        <w:rPr>
          <w:rFonts w:ascii="Courier New" w:hAnsi="Courier New" w:cs="Courier New"/>
        </w:rPr>
        <w:t xml:space="preserve">f\'f0\'ee\'f6\'e5\'ed\'f2\'ed\'e0\'ff \'f1\'f2\'e0\'e2\'ea\'e0 \'ef\'ee \'d1\'ee\'e3\'eb\'e0\'f8\'e5\'ed\'e8\'fe (\'e7\'e0\'ea\'eb\'fe\'f7\'e5\'ed\'ee \'d1\'ee\'e3\'eb\'e0\'f8\'e5\'ed\'e8\'e5);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- \'e2 \'ef\'e5\'f0\'e2\'fb\'e9 \'d0\'e0\'</w:t>
      </w:r>
      <w:r w:rsidRPr="00651F56">
        <w:rPr>
          <w:rFonts w:ascii="Courier New" w:hAnsi="Courier New" w:cs="Courier New"/>
        </w:rPr>
        <w:t>e1\'ee\'f7\'e8\'e9 \'e4\'e5\'ed\'fc \'ec\'e5\'f1\'ff\'f6\'e0, \'f1\'eb\'e5\'e4\'f3\'fe\'f9\'e5\'e3\'ee \'e7\'e0 \'ec\'e5\'f1\'ff\'f6\'e5\'ec, \'e2 \'ea\'ee\'f2\'ee\'f0\'ee\'ec \'e7\'e0\'ea\'eb\'fe\'f7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 \'e4\'ee\'ef\'ee\'eb\'ed\'e8\'f2\'e5\'eb\</w:t>
      </w:r>
      <w:r w:rsidRPr="00651F56">
        <w:rPr>
          <w:rFonts w:ascii="Courier New" w:hAnsi="Courier New" w:cs="Courier New"/>
        </w:rPr>
        <w:t>'fc\'ed\'ee\'e5 \'f1\'ee\'e3\'eb\'e0\'f8\'e5\'ed\'e8\'e5 \'ea \'d1\'ee\'e3\'eb\'e0\'f8\'e5\'ed\'e8\'fe, \'ef\'f0\'e5\'e4\'f3\'f1\'ec\'e0\'f2\'f0\'e8\'e2\'e0\'fe\'f9\'e5\'e5 \'e8\'e7\'ec\'e5\'ed\'e5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f\'f0\'ee\'f6\'e5\'ed\'f2\'ed\'ee\'e9 \'f</w:t>
      </w:r>
      <w:r w:rsidRPr="00651F56">
        <w:rPr>
          <w:rFonts w:ascii="Courier New" w:hAnsi="Courier New" w:cs="Courier New"/>
        </w:rPr>
        <w:t xml:space="preserve">1\'f2\'e0\'e2\'ea\'e8 \'ef\'ee \'d1\'ee\'e3\'eb\'e0\'f8\'e5\'ed\'e8\'fe;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- \'e2 \'ef\'e5\'f0\'e2\'fb\'e9 \'d0\'e0\'e1\'ee\'f7\'e8\'e9 \'e4\'e5\'ed\'fc \'ec\'e5\'f1\'ff\'f6\'e0, \'e2 \'ea\'ee\'f2\'ee\'f0\'ee\'ec \'e1\'fb\'eb\'ee \'ed\'e0</w:t>
      </w:r>
      <w:r w:rsidRPr="00651F56">
        <w:rPr>
          <w:rFonts w:ascii="Courier New" w:hAnsi="Courier New" w:cs="Courier New"/>
        </w:rPr>
        <w:t>\'ef\'f0\'e0\'e2\'eb\'e5\'ed\'ee \'ef\'ee\'f1\'eb\'e5\'e4\'ed\'e5\'e5 \'f3\'e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e\'ec\'eb\'e5\'ed\'e8\'e5 \'ee\'e1 \'e8\'e7\'ec\'e5\'ed\'e5\'ed\'e8\'e8 \'ef\'f0\'ee\'f6\'e5\'ed\'f2\'ed\'ee\'e9 \'f1\'f2\'e0\'e2\'ea\'e8 \'ef\'ee \'d1\'ee\'e3\'eb\'</w:t>
      </w:r>
      <w:r w:rsidRPr="00651F56">
        <w:rPr>
          <w:rFonts w:ascii="Courier New" w:hAnsi="Courier New" w:cs="Courier New"/>
        </w:rPr>
        <w:t xml:space="preserve">e0\'f8\'e5\'ed\'e8\'fe.\ta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         \'cf\'f0\'e8 \'ee\'e4\'ed\'ee\'e2\'f0\'e5\'ec\'e5\'ed\'ed\'ee\'ec \'e8\'e7\'ec\'e5\'ed\'e5\'ed\'e8\'e8 \'e4\'e2\'f3\'f5 \'ef\'f0\'ee\'f6\'e5\'ed\'f2\'ed\'fb\'f5 \'e8\'ed\'e4\'e8\'ea\'e0\'f2\'ee\'f0\'ee\'e2 \'e4\'</w:t>
      </w:r>
      <w:r w:rsidRPr="00651F56">
        <w:rPr>
          <w:rFonts w:ascii="Courier New" w:hAnsi="Courier New" w:cs="Courier New"/>
        </w:rPr>
        <w:t>eb\'ff \'ee\'ef\'f0\'e5\'e4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e5\'ed\'e8\'ff \'ed\'ee\'e2\'ee\'e9 \'ef\'f0\'ee\'f6\'e5\'ed\'f2\'ed\'ee\'e9 \'f1\'f2\'e0\'e2\'ea\'e8 \'e2 \'f0\'e0\'f1\'f7\'e5\'f2 \'ef\'f0\'e8\'ed\'e8\'ec\'e0\'fe\'f2\'f1\'ff \'e7\'ed\'e0\'f7\'e5\'ed\'e8\'ff \'e8\'e</w:t>
      </w:r>
      <w:r w:rsidRPr="00651F56">
        <w:rPr>
          <w:rFonts w:ascii="Courier New" w:hAnsi="Courier New" w:cs="Courier New"/>
        </w:rPr>
        <w:t>d\'e4\'e8\'ea\'e0\'f2\'ee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, \'f3\'e2\'e5\'eb\'e8\'f7\'e8\'e2\'f8\'e5\'e3\'ee\'f1\'ff \'ed\'e0 \'e1\'ee\'eb\'fc\'f8\'f3\'fe \'e2\'e5\'eb\'e8\'f7\'e8\'ed\'f3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widctlpar\wrapdefault\aspalpha\aspnum\faauto\adjust</w:t>
      </w:r>
      <w:r w:rsidRPr="00651F56">
        <w:rPr>
          <w:rFonts w:ascii="Courier New" w:hAnsi="Courier New" w:cs="Courier New"/>
        </w:rPr>
        <w:t>right\rin0\lin0\itap0\pararsid2047675 {\rtlch\fcs1 \af0\afs22 \ltrch\fcs0 \fs22\insrsid2047675\charrsid2047675 \'cf\'f0\'e8 \'f3\'e2\'e5\'eb\'e8\'f7\'e5\'ed\'e8\'e8 \'c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5\'e4\'e8\'f2\'ee\'f0\'ee\'ec \'f0\'e0\'e7\'ec\'e5\'f0\'e0 \'ef\'f0\'ee\'f6\'e</w:t>
      </w:r>
      <w:r w:rsidRPr="00651F56">
        <w:rPr>
          <w:rFonts w:ascii="Courier New" w:hAnsi="Courier New" w:cs="Courier New"/>
        </w:rPr>
        <w:t xml:space="preserve">5\'ed\'f2\'ed\'ee\'e9 \'f1\'f2\'e0\'e2\'ea\'e8 \'e2 \'ee\'e4\'ed\'ee\'f1\'f2\'ee\'f0\'ee\'ed\'ed\'e5\'ec \'ef\'ee\'f0\'ff\'e4\'ea\'e5, \'ca\'f0\'e5\'e4\'e8\'f2\'ee\'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0\'ef\'f0\'e0\'e2\'eb\'ff\'e5\'f2 \'c7\'e0\'e5\'ec\'f9\'e8\'ea\'f3 \'ef\'e8\'f1</w:t>
      </w:r>
      <w:r w:rsidRPr="00651F56">
        <w:rPr>
          <w:rFonts w:ascii="Courier New" w:hAnsi="Courier New" w:cs="Courier New"/>
        </w:rPr>
        <w:t>\'fc\'ec\'e5\'ed\'ed\'ee\'e5 \'f3\'e2\'e5\'e4\'ee\'ec\'eb\'e5\'ed\'e8\'e5 \'e2 \'ef\'f0\'ee\'e8\'e7\'e2\'ee\'eb\'fc\'ed\'ee\'e9 \'f4\'ee\'f0\'ec\'e5 \'ee\'e1 \'f3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b\'e8\'f7\'e5\'ed\'e8\'e8 \'ef\'f0\'ee\'f6\'e5\'ed\'f2\'ed\'ee\'e9 \'f1\'f2\'e0\'</w:t>
      </w:r>
      <w:r w:rsidRPr="00651F56">
        <w:rPr>
          <w:rFonts w:ascii="Courier New" w:hAnsi="Courier New" w:cs="Courier New"/>
        </w:rPr>
        <w:t>e2\'ea\'e8 \'f1 \'ed\'e0\'f0\'ee\'f7\'ed\'fb\'ec \'e8\'eb\'e8 \'e7\'e0\'ea\'e0\'e7\'ed\'fb\'ec \'ef\'ee\'f7\'f2\'ee\'e2\'fb\'ec \'ee\'f2\'ef\'f0\'e0\'e2\'eb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5\'ec \'f1 \'ee\'ef\'e8\'f1\'fc\'fe \'e2\'eb\'ee\'e6\'e5\'ed\'e8\'ff \'e8 \'f3\'e2\</w:t>
      </w:r>
      <w:r w:rsidRPr="00651F56">
        <w:rPr>
          <w:rFonts w:ascii="Courier New" w:hAnsi="Courier New" w:cs="Courier New"/>
        </w:rPr>
        <w:t>'e5\'e4\'ee\'ec\'eb\'e5\'ed\'e8\'e5\'ec \'ee \'e2\'f0\'f3\'f7\'e5\'ed\'e8\'e8. \'cd\'ee\'e2\'e0\'ff \'ef\'f0\'ee\'f6\'e5\'ed\'f2\'ed\'e0\'ff \'f1\'f2\'e0\'e2\'ea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ed\'e0\'f7\'e8\'ed\'e0\'e5\'f2 \'e4\'e5\'e9\'f1\'f2\'e2\'ee\'e2\'e0\'f2\'fc \'f1 1 \'f</w:t>
      </w:r>
      <w:r w:rsidRPr="00651F56">
        <w:rPr>
          <w:rFonts w:ascii="Courier New" w:hAnsi="Courier New" w:cs="Courier New"/>
        </w:rPr>
        <w:t>7\'e8\'f1\'eb\'e0 \'e2\'f2\'ee\'f0\'ee\'e3\'ee \'ec\'e5\'f1\'ff\'f6\'e0, \'f1\'eb\'e5\'e4\'f3\'fe\'f9\'e5\'e3\'ee \'e7\'e0 \'ec\'e5\'f1\'ff\'f6\'e5\'ec, \'e2 \'ea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e\'f0\'ee\'ec \'c7\'e0\'e5\'ec\'f9\'e8\'ea\'f3 \'e1\'fb\'eb\'ee \'ed\'e0\'ef\'f0\</w:t>
      </w:r>
      <w:r w:rsidRPr="00651F56">
        <w:rPr>
          <w:rFonts w:ascii="Courier New" w:hAnsi="Courier New" w:cs="Courier New"/>
        </w:rPr>
        <w:t>'e0\'e2\'eb\'e5\'ed\'ee \'ef\'e8\'f1\'fc\'ec\'e5\'ed\'ed\'ee\'e5 \'f3\'e2\'e5\'e4\'ee\'ec\'eb\'e5\'ed\'e8\'e5 \'ee\'e1 \'f3\'e2\'e5\'eb\'e8\'f7\'e5\'ed\'e8\'e8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e\'f6\'e5\'ed\'f2\'ed\'ee\'e9 \'f1\'f2\'e0\'e2\'ea\'e8. \'d3\'ea\'e0\'e7\'e0\'ed\'e</w:t>
      </w:r>
      <w:r w:rsidRPr="00651F56">
        <w:rPr>
          <w:rFonts w:ascii="Courier New" w:hAnsi="Courier New" w:cs="Courier New"/>
        </w:rPr>
        <w:t>d\'ee\'e5 \'f3\'e2\'e5\'e4\'ee\'ec\'eb\'e5\'ed\'e8\'e5 \'f1\'f7\'e8\'f2\'e0\'e5\'f2\'f1\'ff \'ed\'e0\'ef\'f0\'e0\'e2\'eb\'e5\'ed\'ed\'fb\'ec \'e2 \'ec\'ee\'ec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f2 \'e2\'f0\'f3\'f7\'e5\'ed\'e8\'ff \'c7\'e0\'e5\'ec\'f9\'e8\'ea\'f3, \'e5\'f1\'eb\'e8</w:t>
      </w:r>
      <w:r w:rsidRPr="00651F56">
        <w:rPr>
          <w:rFonts w:ascii="Courier New" w:hAnsi="Courier New" w:cs="Courier New"/>
        </w:rPr>
        <w:t xml:space="preserve"> \'ee\'ed\'ee \'ed\'e0\'ef\'f0\'e0\'e2\'eb\'e5\'ed\'ee \'f1 \'ed\'e0\'f0\'ee\'f7\'ed\'fb\'ec, \'e8\'eb\'e8 \'e2 \'ec\'ee\'ec\'e5\'ed\'f2 \'f1\'e4\'e0\'f7\'e8 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 \'e2 \'ee\'f0\'e3\'e0\'ed\'e8\'e7\'e0\'f6\'e8\'fe \'f1\'e2\'ff\'e7\'e8, \'e5\'f1\'e</w:t>
      </w:r>
      <w:r w:rsidRPr="00651F56">
        <w:rPr>
          <w:rFonts w:ascii="Courier New" w:hAnsi="Courier New" w:cs="Courier New"/>
        </w:rPr>
        <w:t>b\'e8 \'ee\'ed\'ee \'ed\'e0\'ef\'f0\'e0\'e2\'eb\'e5\'ed\'ee \'c7\'e0\'e5\'ec\'f9\'e8\'ea\'f3 \'e7\'e0\'ea\'e0\'e7\'ed\'fb\'ec \'ef\'ee\'f7\'f2\'ee\'e2\'fb\'ec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f\'f0\'e0\'e2\'eb\'e5\'ed\'e8\'e5\'ec \'f1 \'ee\'ef\'e8\'f1\'fc\'fe \'e2\'eb\'ee\'e6</w:t>
      </w:r>
      <w:r w:rsidRPr="00651F56">
        <w:rPr>
          <w:rFonts w:ascii="Courier New" w:hAnsi="Courier New" w:cs="Courier New"/>
        </w:rPr>
        <w:t>\'e5\'ed\'e8\'ff \'e8 \'f3\'e2\'e5\'e4\'ee\'ec\'eb\'e5\'ed\'e8\'e5 \'ee \'e2\'f0\'f3\'f7\'e5\'ed\'e8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2047675 {\rtlch\fcs1 \af0\afs22 \ltr</w:t>
      </w:r>
      <w:r w:rsidRPr="00651F56">
        <w:rPr>
          <w:rFonts w:ascii="Courier New" w:hAnsi="Courier New" w:cs="Courier New"/>
        </w:rPr>
        <w:t>ch\fcs0 \fs22\insrsid2047675\charrsid2047675 \'c2 \'f1\'eb\'f3\'f7\'e0\'e5, \'e5\'f1\'eb\'e8 \'ef\'ee\'f1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f\'ee\'e2\'fb\'f8\'e5\'ed\'e8\'ff \'cb\'fc\'e3\'ee\'f2\'ed\'ee\'e9 \'f1\'f2\'e0\'e2\'ea\'e8 \'ea\'f0\'e5\'e4\'e8\'f2\'ee\'e2\'e0\'ed\'e8\</w:t>
      </w:r>
      <w:r w:rsidRPr="00651F56">
        <w:rPr>
          <w:rFonts w:ascii="Courier New" w:hAnsi="Courier New" w:cs="Courier New"/>
        </w:rPr>
        <w:t>'ff \'e2 \'f1\'e2\'ff\'e7\'e8 \'f1 \'f0\'ee\'f1\'f2\'ee\'ec \'ef\'f0\'ee\'f6\'e5\'ed\'f2\'ed\'fb\'f5 \'e8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8\'ea\'e0\'f2\'ee\'f0\'ee\'e2, \'f0\'e0\'e7\'ec\'e5\'f0 \'f4\'e0\'ea\'f2\'e8\'f7\'e5\'f1\'ea\'ee\'e9 \'f1\'f2\'e0\'e2\'ea\'e8 \'ea\'f0\'e5</w:t>
      </w:r>
      <w:r w:rsidRPr="00651F56">
        <w:rPr>
          <w:rFonts w:ascii="Courier New" w:hAnsi="Courier New" w:cs="Courier New"/>
        </w:rPr>
        <w:t xml:space="preserve">\'e4\'e8\'f2\'ee\'e2\'e0\'ed\'e8\'ff \'ef\'f0\'e5\'e2\'fb\'f8\'e0\'e5\'f2 \'e7\'ed\'e0\'f7\'e5\'ed\'e8\'e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b\'fc\'e3\'ee\'f2\'ed\'ee\'e9 \'f1\'f2\'e0\'e2\'ea\'e8 \'ea\'f0\'e5\'e4\'e8\'f2\'ee\'e2\'e0\'ed\'e8\'ff \'ec\'e0\'ea\'f1\'e8\'ec\'e0\'eb\'fc\'ed</w:t>
      </w:r>
      <w:r w:rsidRPr="00651F56">
        <w:rPr>
          <w:rFonts w:ascii="Courier New" w:hAnsi="Courier New" w:cs="Courier New"/>
        </w:rPr>
        <w:t>\'ee\'e9, \'ef\'ee\'eb\'f3\'f7\'e5\'ed\'e8\'e5 \'f1\'f3\'e1\'f1\'e8\'e4\'e8\'e9 \'ee\'f2 \'cc\'e8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2\'e5\'f0\'f1\'f2\'e2\'e0 \'fd\'ea\'ee\'ed\'ee\'ec\'e8\'f7\'e5\'f1\'ea\'ee\'e3\'ee \'f0\'e0\'e7\'e2\'e8\'f2\'e8\'ff \'d0\'d4 \'ef\'f0\'e5\'ea\</w:t>
      </w:r>
      <w:r w:rsidRPr="00651F56">
        <w:rPr>
          <w:rFonts w:ascii="Courier New" w:hAnsi="Courier New" w:cs="Courier New"/>
        </w:rPr>
        <w:t>'f0\'e0\'f9\'e0\'e5\'f2\'f1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widctlpar\tx317\wrapdefault\aspalpha\aspnum\faauto\adjustright\rin0\lin0\itap0\pararsid2047675 \rtlch\fcs1 \af0\afs24\alang1025 \ltrch\fcs0 \f1\fs20\lang1049\langfe1049\cgrid\langn</w:t>
      </w:r>
      <w:r w:rsidRPr="00651F56">
        <w:rPr>
          <w:rFonts w:ascii="Courier New" w:hAnsi="Courier New" w:cs="Courier New"/>
        </w:rPr>
        <w:t xml:space="preserve">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i\af0\afs22 \ltrch\fcs0 \f0\fs22\insrsid2047675\charrsid2047675 \'cf\'ee\'f0\'ff\'e4\'ee\'ea \'f3\'ef\'eb\'e0\'f2\'fb \'ef\'f0\'ee\'f6\'e5\'ed\'f2\'ee\'e2: \'cf\'f0\'ee\'f6\'e5\'ed\'f2\'fb \'ed\'e0\'f7\'e8\'f1\'eb\'ff\'f</w:t>
      </w:r>
      <w:r w:rsidRPr="00651F56">
        <w:rPr>
          <w:rFonts w:ascii="Courier New" w:hAnsi="Courier New" w:cs="Courier New"/>
        </w:rPr>
        <w:t>e\'f2\'f1\'ff \'ed\'e0 \'ce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2\'ed\'ee\'e9 \'e4\'ee\'eb\'e3, \'ed\'e0\'f7\'e8\'ed\'e0\'ff \'f1 \'e4\'e0\'f2\'fb, \'f1\'eb\'e5\'e4\'f3\'fe\'f9\'e5\'e9 \'e7\'e0 \'e4\'e0\'f2\'ee\'e9 \'ef\'e5\'f0\'e2\'ee\'e3\'ee \'ef\'f0\'e5\'e4\'ee\'f1\'f2\'e0</w:t>
      </w:r>
      <w:r w:rsidRPr="00651F56">
        <w:rPr>
          <w:rFonts w:ascii="Courier New" w:hAnsi="Courier New" w:cs="Courier New"/>
        </w:rPr>
        <w:t>\'e2\'eb\'e5\'ed\'e8\'ff \'c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5\'e4\'e8\'f2\'e0 \'e2 \'f0\'e0\'ec\'ea\'e0\'f5 \'ea\'f0\'e5\'e4\'e8\'f2\'ed\'ee\'e9 \'eb\'e8\'ed\'e8\'e8, \'ef\'ee \'e4\'e0\'f2\'f3 \'f4\'e0\'ea\'f2\'e8\'f7\'e5\'f1\'ea\'ee\'e3\'ee \'ee\'ea\'ee\'ed\'f7\'e0\'f2\'e5\'eb</w:t>
      </w:r>
      <w:r w:rsidRPr="00651F56">
        <w:rPr>
          <w:rFonts w:ascii="Courier New" w:hAnsi="Courier New" w:cs="Courier New"/>
        </w:rPr>
        <w:t>\'fc\'ed\'ee\'e3\'ee \'ef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0\'f8\'e5\'ed\'e8\'ff \'ca\'f0\'e5\'e4\'e8\'f2\'ee\'e2 \'e2 \'f0\'e0\'ec\'ea\'e0\'f5 \'ca\'f0\'e5\'e4\'e8\'f2\'ed\'ee\'e9 \'eb\'e8\'ed\'e8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\'e5\'ec\'f9\'e8\'ea \'ee\'e1\'ff\'e7\'f3\'e5\'f2\'f1\'ff \'</w:t>
      </w:r>
      <w:r w:rsidRPr="00651F56">
        <w:rPr>
          <w:rFonts w:ascii="Courier New" w:hAnsi="Courier New" w:cs="Courier New"/>
        </w:rPr>
        <w:t>f3\'ef\'eb\'e0\'f7\'e8\'e2\'e0\'f2\'fc \'ef\'f0\'ee\'f6\'e5\'ed\'f2\'fb \'e5\'e6\'e5\'ec\'e5\'f1\'ff\'f7\'ed\'ee, \'f1 1 \'ef\'ee 15 \'f7\'e8\'f1\'eb\'ee \'ea\'e0\'e6\'e4\'ee\'e3\'ee 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5\'f1\'ff\'f6\'e0, \'ed\'e0\'f7\'e8\'f1\'eb\'e5\'ed\'ed\'fb\'e5 </w:t>
      </w:r>
      <w:r w:rsidRPr="00651F56">
        <w:rPr>
          <w:rFonts w:ascii="Courier New" w:hAnsi="Courier New" w:cs="Courier New"/>
        </w:rPr>
        <w:t>\'e7\'e0 \'ef\'f0\'e5\'e4\'fb\'e4\'f3\'f9\'e8\'e9 \'ec\'e5\'f1\'ff\'f6, \'ed\'e0\'f7\'e8\'ed\'e0\'ff \'f1 \'e4\'e0\'f2\'fb \'ef\'f0\'e5\'e4\'ee\'f1\'f2\'e0\'e2\'eb\'e5\'ed\'e8\'ff \'ef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2\'ee\'e3\'ee \'ca\'f0\'e5\'e4\'e8\'f2\'e0 \'e2 \'f0\'e0\'e</w:t>
      </w:r>
      <w:r w:rsidRPr="00651F56">
        <w:rPr>
          <w:rFonts w:ascii="Courier New" w:hAnsi="Courier New" w:cs="Courier New"/>
        </w:rPr>
        <w:t>c\'ea\'e0\'f5 \'ca\'f0\'e5\'e4\'e8\'f2\'ed\'ee\'e9 \'eb\'e8\'ed\'e8\'e8, \'e0 \'f2\'e0\'ea\'e6\'e5 \'e2 \'e4\'e0\'f2\'f3 \'ee\'ea\'ee\'ed\'f7\'e0\'f2\'e5\'eb\'fc\'ed\'ee\'e3\'ee \'ef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0\'f8\'e5\'ed\'e8\'ff \'ca\'f0\'e5\'e4\'e8\'f2\'ed\'ee\'e9 \'</w:t>
      </w:r>
      <w:r w:rsidRPr="00651F56">
        <w:rPr>
          <w:rFonts w:ascii="Courier New" w:hAnsi="Courier New" w:cs="Courier New"/>
        </w:rPr>
        <w:t xml:space="preserve">eb\'e8\'ed\'e8\'e8.   }{\rtlch\fcs1 \af0\afs22 \ltrch\fcs0 \f0\fs22\insrsid2047675\charrsid204767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1\'f3\'ec\'ec\'fb \'ef\'f0\'e8\'f7\'e8\'f2\'e0\'fe\'f9\'e8\'f5\'f1\'ff \'ea \'ef\'ee\'e3\'e0\'f8\'e5\'ed\'e8\'fe \'c7\'e0\'e5\'ec\'f9\'e8\'ea\'ee\'</w:t>
      </w:r>
      <w:r w:rsidRPr="00651F56">
        <w:rPr>
          <w:rFonts w:ascii="Courier New" w:hAnsi="Courier New" w:cs="Courier New"/>
        </w:rPr>
        <w:t>ec \'ef\'f0\'ee\'f6\'e5\'ed\'f2\'ee\'e2 \'ef\'ee \'d1\'ee\'e3\'eb\'e0\'f8\'e5\'ed\'e8\'fe \'e8\'f1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1\'eb\'ff\'fe\'f2\'f1\'ff \'ef\'ee \'f4\'ee\'f0\'ec\'f3\'eb\'e5 \'ef\'f0\'ee\'f1\'f2\'fb\'f5 \'ef\'f0\'ee\'f6\'e5\'ed\'f2\'ee\'e2 \'ed\'e5\'ef\'f</w:t>
      </w:r>
      <w:r w:rsidRPr="00651F56">
        <w:rPr>
          <w:rFonts w:ascii="Courier New" w:hAnsi="Courier New" w:cs="Courier New"/>
        </w:rPr>
        <w:t>0\'e5\'f0\'fb\'e2\'ed\'ee \'ed\'e0\'f0\'e0\'f1\'f2\'e0\'fe\'f9\'e8\'ec \'e8\'f2\'ee\'e3\'ee\'ec 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f4\'e0\'ea\'f2\'e8\'f7\'e5\'f1\'ea\'ee\'e5 \'ea\'ee\'eb\'e8\'f7\'e5\'f1\'f2\'e2\'ee \'e4\'ed\'e5\'e9 \'ef\'ee\'eb\'fc\'e7\'ee\'e2\'e0\'ed\'e8\'ff \</w:t>
      </w:r>
      <w:r w:rsidRPr="00651F56">
        <w:rPr>
          <w:rFonts w:ascii="Courier New" w:hAnsi="Courier New" w:cs="Courier New"/>
        </w:rPr>
        <w:t>'ca\'f0\'e5\'e4\'e8\'f2\'ee\'ec, \'ef\'f0\'e8 \'fd\'f2\'ee\'ec \'e3\'ee\'e4 \'ef\'f0\'e8\'ed\'e8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5\'f2\'f1\'ff \'f0\'e0\'e2\'ed\'fb\'ec 365 \'e8\'eb\'e8 366 \'e4\'ed\'ff\'ec \'e2 \'f1\'ee\'ee\'f2\'e2\'e5\'f2\'f1\'f2\'e2\'e8\'e8 \'f1 \'e4\'e5\'e</w:t>
      </w:r>
      <w:r w:rsidRPr="00651F56">
        <w:rPr>
          <w:rFonts w:ascii="Courier New" w:hAnsi="Courier New" w:cs="Courier New"/>
        </w:rPr>
        <w:t>9\'f1\'f2\'e2\'e8\'f2\'e5\'eb\'fc\'ed\'fb\'ec \'f7\'e8\'f1\'eb\'ee\'ec \'ea\'e0\'eb\'e5\'ed\'e4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d\'fb\'f5 \'e4\'ed\'e5\'e9 \'e2 \'e3\'ee\'e4\'f3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wrapdefault\aspalpha\aspnum\faauto\adjustright\ri</w:t>
      </w:r>
      <w:r w:rsidRPr="00651F56">
        <w:rPr>
          <w:rFonts w:ascii="Courier New" w:hAnsi="Courier New" w:cs="Courier New"/>
        </w:rPr>
        <w:t xml:space="preserve">n0\lin0\itap0\pararsid2047675 \rtlch\fcs1 \af0\afs20\alang1025 \ltrch\fcs0 \fs20\lang1049\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2047675\charrsid2047675 \'ca\'ee\'ec\'e8\'f1\'f1\'e8\'e8/ \'e2\'ee\'e</w:t>
      </w:r>
      <w:r w:rsidRPr="00651F56">
        <w:rPr>
          <w:rFonts w:ascii="Courier New" w:hAnsi="Courier New" w:cs="Courier New"/>
        </w:rPr>
        <w:t>7\'ed\'e0\'e3\'f0\'e0\'e6\'e4\'e5\'ed\'e8\'ff/\'ed\'e5\'f3\'f1\'f2\'ee\'e9\'ea\'e8/\'f8\'f2\'f0\'e0\'f4\'fb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6\ql \li0\ri0\widctlpar\wrapdefault\aspalpha\aspnum\faauto\adjustright\rin0\lin0\itap0\pararsid2047675 \rtlch\fcs1 \af</w:t>
      </w:r>
      <w:r w:rsidRPr="00651F56">
        <w:rPr>
          <w:rFonts w:ascii="Courier New" w:hAnsi="Courier New" w:cs="Courier New"/>
        </w:rPr>
        <w:t xml:space="preserve">0\afs20\alang1025 \ltrch\fcs0 \fs20\lang1049\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b\fs22\insrsid2047675\charrsid2047675 \'c7\'e0 \'ee\'e1\'ff\'e7\'e0\'f2\'e5\'eb\'fc\'f1\'f2\'e2\'ee:}{\rtlch\fcs1 \ab\af0\afs22 </w:t>
      </w:r>
      <w:r w:rsidRPr="00651F56">
        <w:rPr>
          <w:rFonts w:ascii="Courier New" w:hAnsi="Courier New" w:cs="Courier New"/>
        </w:rPr>
        <w:t xml:space="preserve">\ltrch\fcs0 \fs22\insrsid2047675\charrsid2047675  0,55% \'e3\'ee\'e4\'ee\'e2\'fb\'f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wrapdefault\aspalpha\aspnum\faauto\adjustright\rin0\lin0\itap0\pararsid2047675 \rtlch\fcs1 \af0\afs20\alang1025 \ltrch\fc</w:t>
      </w:r>
      <w:r w:rsidRPr="00651F56">
        <w:rPr>
          <w:rFonts w:ascii="Courier New" w:hAnsi="Courier New" w:cs="Courier New"/>
        </w:rPr>
        <w:t xml:space="preserve">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2047675\charrsid2047675 \'cb\'fc\'e3\'ee\'f2\'ed\'fb\'e9 \'ef\'e5\'f0\'e8\'ee\'e4- 5 \'f0\'e0\'e1\'ee\'f7\'e8\'f5 \'e4\'ed\'e5\'e9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</w:t>
      </w:r>
      <w:r w:rsidRPr="00651F56">
        <w:rPr>
          <w:rFonts w:ascii="Courier New" w:hAnsi="Courier New" w:cs="Courier New"/>
        </w:rPr>
        <w:t xml:space="preserve">lain \ltrpar\s56\ql \li0\ri0\widctlpar\wrapdefault\aspalpha\aspnum\faauto\adjustright\rin0\lin0\itap0\pararsid2047675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</w:t>
      </w:r>
      <w:r w:rsidRPr="00651F56">
        <w:rPr>
          <w:rFonts w:ascii="Courier New" w:hAnsi="Courier New" w:cs="Courier New"/>
        </w:rPr>
        <w:t xml:space="preserve"> \fs22\insrsid2047675\charrsid2047675 \'d3\'ef\'eb\'e0\'f7\'e8\'e2\'e0\'e5\'f2\'f1\'ff \'e2 \'e4\'e0\'f2\'fb, \'f3\'f1\'f2\'e0\'ed\'ee\'e2\'eb\'e5\'ed\'ed\'fb\'e5 \'e4\'eb\'ff \'f3\'ef\'eb\'e0\'f2\'fb \'ef\'f0\'ee\'f6\'e5\'ed\'f2\'ee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</w:t>
      </w:r>
      <w:r w:rsidRPr="00651F56">
        <w:rPr>
          <w:rFonts w:ascii="Courier New" w:hAnsi="Courier New" w:cs="Courier New"/>
        </w:rPr>
        <w:t xml:space="preserve">ain \ltrpar\s33\qj \li0\ri0\widctlpar\wrapdefault\nooverflow\faroman\rin0\lin0\itap0\pararsid2047675\contextualspace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</w:t>
      </w:r>
      <w:r w:rsidRPr="00651F56">
        <w:rPr>
          <w:rFonts w:ascii="Courier New" w:hAnsi="Courier New" w:cs="Courier New"/>
        </w:rPr>
        <w:t>\fs22\insrsid2047675\charrsid2047675 \'cf\'ee\'f1\'eb\'e5\'e4\'ed\'e8\'e9 \'ef\'eb\'e0\'f2\'e5\'e6 \'f3\'ef\'eb\'e0\'f7\'e8\'e2\'e0\'e5\'f2\'f1\'ff \'e2 \'e4\'e0\'f2\'f3 \'ee\'ea\'ee\'ed\'f7\'e0\'ed\'e8\'ff \'ee\'e1\'f9\'e5\'e3\'ee \'f1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a\'e0 \</w:t>
      </w:r>
      <w:r w:rsidRPr="00651F56">
        <w:rPr>
          <w:rFonts w:ascii="Courier New" w:hAnsi="Courier New" w:cs="Courier New"/>
        </w:rPr>
        <w:t xml:space="preserve">'ef\'f0\'e5\'e4\'ee\'f1\'f2\'e0\'e2\'eb\'e5\'ed\'e8\'ff \'ca\'f0\'e5\'e4\'e8\'f2\'ee\'e2.}{\rtlch\fcs1 \ab\af0\afs22 \ltrch\fcs0 \b\fs22\insrsid2047675\charrsid2047675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 \'e2\'fb\'e4\'e0\'f7\'f3 \'ea\'f0\'e5\'e4\'e8\'f2\'ed\'ee\'e9 \'eb\'e8\</w:t>
      </w:r>
      <w:r w:rsidRPr="00651F56">
        <w:rPr>
          <w:rFonts w:ascii="Courier New" w:hAnsi="Courier New" w:cs="Courier New"/>
        </w:rPr>
        <w:t xml:space="preserve">'ed\'e8\'e8: }{\rtlch\fcs1 \af0\afs22 \ltrch\fcs0 \fs22\insrsid2047675\charrsid2047675 \'ed\'e5 \'e2\'e7\'e8\'ec\'e0\'e5\'f2\'f1\'ff.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b\fs22\insrsid2047675\charrsid204767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33\qj \li0\ri-57\wi</w:t>
      </w:r>
      <w:r w:rsidRPr="00651F56">
        <w:rPr>
          <w:rFonts w:ascii="Courier New" w:hAnsi="Courier New" w:cs="Courier New"/>
        </w:rPr>
        <w:t xml:space="preserve">dctlpar\wrapdefault\nooverflow\faroman\rin-57\lin0\itap0\pararsid2047675\contextualspace {\rtlch\fcs1 \af0\afs22 \ltrch\fcs0 \b\fs22\insrsid2047675\charrsid2047675 \'cd\'e5\'f3\'f1\'f2\'ee\'e9\'ea\'e0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2047</w:t>
      </w:r>
      <w:r w:rsidRPr="00651F56">
        <w:rPr>
          <w:rFonts w:ascii="Courier New" w:hAnsi="Courier New" w:cs="Courier New"/>
        </w:rPr>
        <w:t>675\charrsid2047675  \'e2 \'f0\'e0\'e7\'ec\'e5\'f0\'e5 1% \'e3\'ee\'e4\'ee\'e2\'fb\'f5 \'ee\'f2 \'f1\'f0\'e5\'e4\'ed\'e5\'e9 \'f1\'f3\'ec\'ec\'fb \'e7\'e0\'e4\'ee\'eb\'e6\'e5\'ed\'ed\'ee\'f1\'f2\'e8 \'ef\'ee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ed\'ee\'e2\'ed\'ee\'ec\'f3 \'e4\'ee\</w:t>
      </w:r>
      <w:r w:rsidRPr="00651F56">
        <w:rPr>
          <w:rFonts w:ascii="Courier New" w:hAnsi="Courier New" w:cs="Courier New"/>
        </w:rPr>
        <w:t>'eb\'e3\'f3 \'ef\'ee \'ea\'f0\'e5\'e4\'e8\'f2\'ed\'ee\'ec\'f3 \'f1\'ee\'e3\'eb\'e0\'f8\'e5\'ed\'e8\'fe \'e7\'e0 \'ef\'e5\'f0\'e8\'ee\'e4, \'e2 \'ea\'ee\'f2\'ee\'f0\'ee\'ec \'ee\'e1\'ff\'e7\'e0\'f2\'e5\'eb\'fc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2\'ee \'ef\'ee \'ef\'ee\'e4\'e4\'e5</w:t>
      </w:r>
      <w:r w:rsidRPr="00651F56">
        <w:rPr>
          <w:rFonts w:ascii="Courier New" w:hAnsi="Courier New" w:cs="Courier New"/>
        </w:rPr>
        <w:t>\'f0\'e6\'e0\'ed\'e8\'fe \'ea\'f0\'e5\'e4\'e8\'f2\'ee\'e2\'fb\'f5/ \'e4\'e5\'e1\'e5\'f2\'ee\'e2\'fb\'f5 \'ee\'e1\'ee\'f0\'ee\'f2\'ee\'e2 \'e1\'fb\'eb\'ee \'ed\'e0\'f0\'f3\'f8\'e5\'ed\'ee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30\qj \li0\ri0\widctlpar\wrapdefault\asp</w:t>
      </w:r>
      <w:r w:rsidRPr="00651F56">
        <w:rPr>
          <w:rFonts w:ascii="Courier New" w:hAnsi="Courier New" w:cs="Courier New"/>
        </w:rPr>
        <w:t xml:space="preserve">alpha\aspnum\faauto\adjustright\rin0\lin0\itap0\pararsid2047675 \rtlch\fcs1 \af0\afs20\alang1025 \ltrch\fcs0 \fs22\lang1049\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insrsid2047675\charrsid2047675 \'d8\'f2\'f0\'e0</w:t>
      </w:r>
      <w:r w:rsidRPr="00651F56">
        <w:rPr>
          <w:rFonts w:ascii="Courier New" w:hAnsi="Courier New" w:cs="Courier New"/>
        </w:rPr>
        <w:t>\'f4 \'e2 \'f0\'e0\'e7\'ec\'e5\'f0\'e5\~0.01% \'ee\'f2 \'f1\'f3\'ec\'ec\'fb \'ee\'f1\'f2\'e0\'f2\'ea\'e0 \'ee\'f1\'ed\'ee\'e2\'ed\'ee\'e3\'ee \'e4\'ee\'eb\'e3\'e0 \'ef\'ee \'ea\'f0\'e5\'e4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d\'ee\'ec\'f3 \'f1\'ee\'e3\'eb\'e0\'f8\'e5\'ed\'e8\'fe,</w:t>
      </w:r>
      <w:r w:rsidRPr="00651F56">
        <w:rPr>
          <w:rFonts w:ascii="Courier New" w:hAnsi="Courier New" w:cs="Courier New"/>
        </w:rPr>
        <w:t xml:space="preserve"> \'f1\'eb\'ee\'e6\'e8\'e2\'f8\'e5\'e3\'ee\'f1\'ff \'ed\'e0 \'ec\'ee\'ec\'e5\'ed\'f2 \'e2\'fb\'ff\'e2\'eb\'e5\'ed\'e8\'ff \'ed\'e0\'f0\'f3\'f8\'e5\'ed\'e8\'ff, \'e2 \'f1\'eb\'f3\'f7\'e0\'e5 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8\'f1\'ef\'ee\'eb\'ed\'e5\'ed\'e8\'ff\\\'ed\'e5\'ed\'e</w:t>
      </w:r>
      <w:r w:rsidRPr="00651F56">
        <w:rPr>
          <w:rFonts w:ascii="Courier New" w:hAnsi="Courier New" w:cs="Courier New"/>
        </w:rPr>
        <w:t xml:space="preserve">0\'e4\'eb\'e5\'e6\'e0\'f9\'e5\'e3\'ee \'e8\'f1\'ef\'ee\'eb\'ed\'e5\'ed\'e8\'ff \'e7\'e0\'e5\'ec\'f9\'e8\'ea\'ee\'ec \'f4\'e8\'ed\'e0\'ed\'f1\'ee\'e2\'fb\'f5 \'ea\'ee\'e2\'e5\'ed\'e0\'ed\'f2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nowidctlpar\wrapdefault</w:t>
      </w:r>
      <w:r w:rsidRPr="00651F56">
        <w:rPr>
          <w:rFonts w:ascii="Courier New" w:hAnsi="Courier New" w:cs="Courier New"/>
        </w:rPr>
        <w:t xml:space="preserve">\aspalpha\aspnum\faauto\adjustright\rin0\lin0\itap0\pararsid2047675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2047675\charrsid2047675 \'cd\'e5\'</w:t>
      </w:r>
      <w:r w:rsidRPr="00651F56">
        <w:rPr>
          <w:rFonts w:ascii="Courier New" w:hAnsi="Courier New" w:cs="Courier New"/>
        </w:rPr>
        <w:t>f3\'f1\'f2\'ee\'e9\'ea\'e0}{\rtlch\fcs1 \af0\afs22 \ltrch\fcs0 \fs22\insrsid2047675\charrsid2047675  \'e2 \'f0\'e0\'e7\'ec\'e5\'f0\'e5 1/365 \'ec\'e0\'ea\'f1\'e8\'ec\'e0\'eb\'fc\'ed\'ee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e\'f6\'e5\'ed\'f2\'ed\'ee\'e9 \'f1\'f2\'e0\'e2\'ea\'e</w:t>
      </w:r>
      <w:r w:rsidRPr="00651F56">
        <w:rPr>
          <w:rFonts w:ascii="Courier New" w:hAnsi="Courier New" w:cs="Courier New"/>
        </w:rPr>
        <w:t>8 \'ee\'f2 \'f1\'f3\'ec\'ec\'fb \'ef\'f0\'ee\'f1\'f0\'ee\'f7\'e5\'ed\'ed\'ee\'e9 \'e7\'e0\'e4\'ee\'eb\'e6\'e5\'ed\'ed\'ee\'f1\'f2\'e8 \'ef\'ee \'ce\'f1\'ed\'ee\'e2\'ed\'ee\'ec\'f3 \'e4\'ee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f3 \'e7\'e0 \'ea\'e0\'e6\'e4\'fb\'e9 \'e4\'e5\'ed\'fc \'</w:t>
      </w:r>
      <w:r w:rsidRPr="00651F56">
        <w:rPr>
          <w:rFonts w:ascii="Courier New" w:hAnsi="Courier New" w:cs="Courier New"/>
        </w:rPr>
        <w:t>ef\'f0\'ee\'f1\'f0\'ee\'f7\'ea\'e8, \'ed\'e0\'f7\'e8\'f1\'eb\'ff\'e5\'ec\'e0\'ff \'e2 \'f1\'eb\'f3\'f7\'e0\'e5 \'e2\'ee\'e7\'ed\'e8\'ea\'ed\'ee\'e2\'e5\'ed\'e8\'ff \'ef\'f0\'ee\'f1\'f0\'ee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ed\'ee\'e9 \'e7\'e0\'e4\'ee\'eb\'e6\'e5\'ed\'ed\'ee\</w:t>
      </w:r>
      <w:r w:rsidRPr="00651F56">
        <w:rPr>
          <w:rFonts w:ascii="Courier New" w:hAnsi="Courier New" w:cs="Courier New"/>
        </w:rPr>
        <w:t xml:space="preserve">'f1\'f2\'e8 \'ef\'ee \'ce\'f1\'ed\'ee\'e2\'ed\'ee\'ec\'f3 \'e4\'ee\'eb\'e3\'f3;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2047675 {\rtlch\fcs1 \af0\afs22 \ltrch\fcs0 \b\fs22\insrsid20</w:t>
      </w:r>
      <w:r w:rsidRPr="00651F56">
        <w:rPr>
          <w:rFonts w:ascii="Courier New" w:hAnsi="Courier New" w:cs="Courier New"/>
        </w:rPr>
        <w:t xml:space="preserve">47675\charrsid2047675 \'cd\'e5\'f3\'f1\'f2\'ee\'e9\'ea\'e0 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2047675\charrsid2047675 \'e2 \'f0\'e0\'e7\'ec\'e5\'f0\'e5 2/365 \'ec\'e0\'ea\'f1\'e8\'ec\'e0\'eb\'fc\'ed\'ee\'e9 \'ef\'f0\'ee\'f6\'e5\'ed\'f2\'ed</w:t>
      </w:r>
      <w:r w:rsidRPr="00651F56">
        <w:rPr>
          <w:rFonts w:ascii="Courier New" w:hAnsi="Courier New" w:cs="Courier New"/>
        </w:rPr>
        <w:t>\'ee\'e9 \'f1\'f2\'e0\'e2\'ea\'e8 \'ee\'f2 \'f1\'f3\'ec\'ec\'fb \'ef\'f0\'ee\'f1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f7\'e5\'ed\'ed\'ee\'e9 \'e7\'e0\'e4\'ee\'eb\'e6\'e5\'ed\'ed\'ee\'f1\'f2\'e8 \'ef\'ee \'ef\'f0\'ee\'f6\'e5\'ed\'f2\'e0\'ec/\'ea\'ee\'ec\'e8\'f1\'f1\'e8\'ff\'ec \'e7\</w:t>
      </w:r>
      <w:r w:rsidRPr="00651F56">
        <w:rPr>
          <w:rFonts w:ascii="Courier New" w:hAnsi="Courier New" w:cs="Courier New"/>
        </w:rPr>
        <w:t xml:space="preserve">'e0 \'ea\'e0\'e6\'e4\'fb\'e9 \'e4\'e5\'ed\'fc \'ef\'f0\'ee\'f1\'f0\'ee\'f7\'ea\'e8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0\'f7\'e8\'f1\'eb\'ff\'e5\'ec\'e0\'ff \'e2 \'f1\'eb\'f3\'f7\'e0\'e5 \'e2\'ee\'e7\'ed\'e8\'ea\'ed\'ee\'e2\'e5\'ed\'e8\'ff \'ef\'f0\'ee\'f1\'f0\'ee\'f7\'e5\'ed\'ed\'</w:t>
      </w:r>
      <w:r w:rsidRPr="00651F56">
        <w:rPr>
          <w:rFonts w:ascii="Courier New" w:hAnsi="Courier New" w:cs="Courier New"/>
        </w:rPr>
        <w:t>ee\'e9 \'e7\'e0\'e4\'ee\'eb\'e6\'e5\'ed\'ed\'ee\'f1\'f2\'e8 \'ef\'ee \'ef\'f0\'ee\'f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f2\'e0\'ec/\'ea\'ee\'ec\'e8\'f1\'f1\'e8\'e8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fs22\insrsid2047675\charrsid2047675 \'c8\'ed\'fb\'e5 \'ea\'ee\'ec\'</w:t>
      </w:r>
      <w:r w:rsidRPr="00651F56">
        <w:rPr>
          <w:rFonts w:ascii="Courier New" w:hAnsi="Courier New" w:cs="Courier New"/>
        </w:rPr>
        <w:t>e8\'f1\'f1\'e8\'e8, \'ed\'e0\'e4\'e1\'e0\'e2\'ea\'e8 \'ea \'ef\'f0\'ee\'f6\'e5\'ed\'f2\'ed\'ee\'e9 \'f1\'f2\'e0\'e2\'ea\'e5 \'e8 \'f1\'e0\'ed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6\'e8\'e8 (\'ed\'e5\'f3\'f1\'f2\'ee\'e9\'ea\'e8, \'f8\'f2\'f0\'e0\'f4\'fb, \'ef\'e5\'ed\'e8 \'e8 \'f2.\'e4</w:t>
      </w:r>
      <w:r w:rsidRPr="00651F56">
        <w:rPr>
          <w:rFonts w:ascii="Courier New" w:hAnsi="Courier New" w:cs="Courier New"/>
        </w:rPr>
        <w:t>.), \'ef\'f0\'e5\'e4\'f3\'f1\'ec\'ee\'f2\'f0\'e5\'ed\'ed\'fb\'e5 \'ea\'f0\'e5\'e4\'e8\'f2\'ed\'fb\'ec \'f1\'ee\'e3\'eb\'e0\'f8\'e5\'ed\'e8\'e5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e8 \'e4\'ee\'e3\'ee\'e2\'ee\'f0\'ee\'ec \'ef\'ee\'f0\'f3\'f7\'e8\'f2\'e5\'eb\'fc\'f1\'f2\'e2\'e0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</w:t>
      </w:r>
      <w:r w:rsidRPr="00651F56">
        <w:rPr>
          <w:rFonts w:ascii="Courier New" w:hAnsi="Courier New" w:cs="Courier New"/>
        </w:rPr>
        <w:t>'cf\'ee\'f0\'f3\'f7\'e8\'f2\'e5\'eb\'fc\'f1\'f2\'e2\'ee \'ef\'ee \'c4\'ee\'e3\'ee\'e2\'ee\'f0\'f3 \'ef\'ee\'f0\'f3\'f7\'e8\'f2\'e5\'eb\'fc\'f1\'f2\'e2\'e0 \'ff\'e2\'eb\'ff\'e5\'f2\'f1\'ff \'f1\'ee\'eb\'e8\'e4\'e0\'f0\'ed\'fb\'ec \'e8 \'ef\'f0\'e5\'e4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2\'e0\'e2\'eb\'e5\'ed\'ee \'f1\'f0\'ee\'ea\'ee\'ec \'ed\'e0 3\~561 \'ea\'e0\'eb\'e5\'ed\'e4\'e0\'f0\'ed\'fb\'e9 \'e4\'e5\'ed\'fc \'f1 \'e4\'e0\'f2\'fb \'e7\'e0\'ea\'eb\'fe\'f7\'e5\'ed\'e8\'ff \'c4\'ee\'e3\'ee\'e2\'ee\'f0\'e0 \'ef\'ee\'f0\'f3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</w:t>
      </w:r>
      <w:r w:rsidRPr="00651F56">
        <w:rPr>
          <w:rFonts w:ascii="Courier New" w:hAnsi="Courier New" w:cs="Courier New"/>
        </w:rPr>
        <w:t>e8\'f2\'e5\'eb\'fc\'f1\'f2\'e2\'e0. \'cf\'ee \'c4\'ee\'e3\'ee\'e2\'ee\'f0\'f3 \'ef\'ee\'f0\'f3\'f7\'e8\'f2\'e5\'eb\'fc\'f1\'f2\'e2\'e0 \'cf\'ee\'f0\'f3\'f7\'e8\'f2\'e5\'eb\'fc \'ee\'e1\'ff\'e7\'f3\'e5\'f2\'f1\'ff \'ee\'f2\'e2\'e5\'f7\'e0\'f2\'fc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</w:t>
      </w:r>
      <w:r w:rsidRPr="00651F56">
        <w:rPr>
          <w:rFonts w:ascii="Courier New" w:hAnsi="Courier New" w:cs="Courier New"/>
        </w:rPr>
        <w:t>\'f0\'e5\'e4 \'c1\'e0\'ed\'ea\'ee\'ec \'c2\'d2\'c1 (\'cf\'c0\'ce) \'ef\'ee \'e8\'f1\'ef\'ee\'eb\'ed\'e5\'ed\'e8\'fe \'c7\'e0\'e5\'ec\'f9\'e8\'ea\'ee\'ec \'ce\'e1\'ff\'e7\'e0\'f2\'e5\'eb\'fc\'f1\'f2\'e2 \'ef\'ee \'ca\'f0\'e5\'e4\'e8\'f2\'ed\'ee\'ec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</w:t>
      </w:r>
      <w:r w:rsidRPr="00651F56">
        <w:rPr>
          <w:rFonts w:ascii="Courier New" w:hAnsi="Courier New" w:cs="Courier New"/>
        </w:rPr>
        <w:t xml:space="preserve">f1\'ee\'e3\'eb\'e0\'f8\'e5\'ed\'e8\'fe \'e2 \'ef\'ee\'eb\'ed\'ee\'ec \'ee\'e1\'fa\'e5\'ec\'e5.}{\rtlch\fcs1 \af0\afs22 \ltrch\fcs0 \fs22\insrsid2047675\charrsid204767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fs22\insrsid2047675\charrsid2047675 \'c8</w:t>
      </w:r>
      <w:r w:rsidRPr="00651F56">
        <w:rPr>
          <w:rFonts w:ascii="Courier New" w:hAnsi="Courier New" w:cs="Courier New"/>
        </w:rPr>
        <w:t>\'ed\'fb\'e5 \'f3\'f1\'eb\'ee\'e2\'e8\'ff \'c4\'ee\'e3\'ee\'e2\'ee\'f0\'e0 \'ef\'ee\'f0\'f3\'f7\'e8\'f2\'e5\'eb\'fc\'f1\'f2\'e2\'e0, \'ed\'e5 \'f3\'ea\'e0\'e7\'e0\'ed\'ed\'f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2 \'ed\'e0\'f1\'f2\'ee\'ff\'f9\'e5\'ec \'ef\'f0\'ee\'f2\'ee\'ea\'ee\'eb\</w:t>
      </w:r>
      <w:r w:rsidRPr="00651F56">
        <w:rPr>
          <w:rFonts w:ascii="Courier New" w:hAnsi="Courier New" w:cs="Courier New"/>
        </w:rPr>
        <w:t>'e5, \'ee\'ef\'f0\'e5\'e4\'e5\'eb\'ff\'fe\'f2\'f1\'ff \'ef\'ee \'f3\'f1\'ec\'ee\'f2\'f0\'e5\'ed\'e8\'fe \'e5\'e4\'e8\'ed\'ee\'eb\'e8\'f7\'ed\'ee\'e3\'ee \'e8\'f1\'ef\'ee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8\'f2\'e5\'eb\'fc\'ed\'ee\'e3\'ee \'ee\'f0\'e3\'e0\'ed\'e0 \'cf\'ee\'f0\'f</w:t>
      </w:r>
      <w:r w:rsidRPr="00651F56">
        <w:rPr>
          <w:rFonts w:ascii="Courier New" w:hAnsi="Courier New" w:cs="Courier New"/>
        </w:rPr>
        <w:t xml:space="preserve">3\'f7\'e8\'f2\'e5\'eb\'ff.   }{\rtlch\fcs1 \af0\afs22 \ltrch\fcs0 \fs22\insrsid2047675\charrsid204767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8323676 {\rtlch\fcs1 \af0\afs22 \ltrch</w:t>
      </w:r>
      <w:r w:rsidRPr="00651F56">
        <w:rPr>
          <w:rFonts w:ascii="Courier New" w:hAnsi="Courier New" w:cs="Courier New"/>
        </w:rPr>
        <w:t xml:space="preserve">\fcs0 \b\fs22\cf6\insrsid8323676\charrsid204767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\pard \ltrpar\qj \li0\ri0\widctlpar\wrapdefault\aspalpha\aspnum\faauto\adjustright\rin0\lin0\itap0\pararsid1991179 {\rtlch\fcs1 \af0\afs22 \ltrch\fcs0 \b\fs22\cf6\insrsid1991179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</w:t>
      </w:r>
      <w:r w:rsidRPr="00651F56">
        <w:rPr>
          <w:rFonts w:ascii="Courier New" w:hAnsi="Courier New" w:cs="Courier New"/>
        </w:rPr>
        <w:t xml:space="preserve"> }{\rtlch\fcs1 \ab\af0\afs22 \ltrch\fcs0 \b\fs22\insrsid1991179\charrsid538368 \'c2\'ee\'ef\'f0\'ee\'f1 \'b9}{\rtlch\fcs1 \ab\af0\afs22 \ltrch\fcs0 \b\fs22\insrsid1991179  4}{\rtlch\fcs1 \ab\af0\afs22 \ltrch\fcs0 \b\fs22\insrsid1991179\charrsid538368 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5\'f1\'f2\'ea\'e8 \'e4\'ed\'ff \'ee\'e1\'f9\'e5\'e3\'ee \'f1\'ee\'e1\'f0\'e0\'ed\'e8\'ff:}{\rtlch\fcs1 \af0\afs22 \ltrch\fcs0 \fs22\insrsid1991179\charrsid1991179  }{\rtlch\fcs1 \af0\afs22 \ltrch\fcs0 \fs22\insrsid1991179\charrsid8586865 \'c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1 \'ee\'e4\'ee\'e1\'f0\'e5\'ed\'e8\'e8 \'ea\'f0\'f3\'ef\'ed\'ee\'e9 \'f1\'e4\'e5\'eb\'ea\'e8 \endash  \'e4\'ee\'e3\'ee\'e2\'ee\'f0\'e0 \'ef\'ee\'f0\'f3\'f7\'e8\'f2\'e5\'eb\'fc\'f1\'f2\'e2\'e0 \'b9\'c4\'cf2-\'d6\'d3-702750/2021/00011 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03.03.20</w:t>
      </w:r>
      <w:r w:rsidRPr="00651F56">
        <w:rPr>
          <w:rFonts w:ascii="Courier New" w:hAnsi="Courier New" w:cs="Courier New"/>
        </w:rPr>
        <w:t>21 \'e3\'ee\'e4\'e0 \'ec\'e5\'e6\'e4\'f3 \'c0\'ce \'ab\'d2\'e5\'f0\'ec\'e8\'ed\'e0\'eb \'c0\'f1\'f2\'e0\'f4\'fc\'e5\'e2\'e0\'bb (\'c8\'cd\'cd 2508001618) \'e8 \'c1\'e0\'ed\'ea\'ee\'ec \'c2\'d2\'c1 (\'ef\'f3\'e1\'eb\'e8\'f7\'ed\'ee\'e5 \'e0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6\'e8\'e</w:t>
      </w:r>
      <w:r w:rsidRPr="00651F56">
        <w:rPr>
          <w:rFonts w:ascii="Courier New" w:hAnsi="Courier New" w:cs="Courier New"/>
        </w:rPr>
        <w:t>e\'ed\'e5\'f0\'ed\'ee\'e5 \'ee\'e1\'f9\'e5\'f1\'f2\'e2\'ee) \'ef\'ee \'ea\'f0\'e5\'e4\'e8\'f2\'ed\'fb\'ec \'ee\'e1\'ff\'e7\'e0\'f2\'e5\'eb\'fc\'f1\'f2\'e2\'e0\'ec \'c0\'ce \'ab\'c4\'c0\'cb\'dc\'ca\'ce\'cc\'d5\'ce\'cb\'ce\'c4\'bb 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2537003955)</w:t>
      </w:r>
      <w:r w:rsidRPr="00651F56">
        <w:rPr>
          <w:rFonts w:ascii="Courier New" w:hAnsi="Courier New" w:cs="Courier New"/>
        </w:rPr>
        <w:t xml:space="preserve"> \'ef\'ee \'ea\'f0\'e5\'e4\'e8\'f2\'ed\'ee\'ec\'f3 \'f1\'ee\'e3\'eb\'e0\'f8\'e5\'ed\'e8\'fe \'b9\'ca\'d1-\'d6\'d3-702750/2021/00011 \'ee\'f2 03.03.2021 \'e3\'ee\'e4\'e0 \'ee \'e2\'fb\'e4\'e0\'f7\'e5 \'ea\'f0\'e5\'e4\'e8\'f2\'e0 \'e2 \'e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5 \'ea</w:t>
      </w:r>
      <w:r w:rsidRPr="00651F56">
        <w:rPr>
          <w:rFonts w:ascii="Courier New" w:hAnsi="Courier New" w:cs="Courier New"/>
        </w:rPr>
        <w:t xml:space="preserve">\'f0\'e5\'e4\'e8\'f2\'ed\'ee\'e9 \'eb\'e8\'ed\'e8\'e8 \'f1 \'eb\'e8\'ec\'e8\'f2\'ee\'ec \'e2\'fb\'e4\'e0\'f7\'e8, \'e2 \'f1\'f3\'ec\'ec\'e5 150 \'ec\'eb\'ed. \'f0\'f3\'e1\'eb\'e5\'e9, \'f1\'f0\'ee\'ea\'ee\'ec \'e4\'ee 1095 \'e4\'ed\'e5\'e9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7\'e0\'ea\</w:t>
      </w:r>
      <w:r w:rsidRPr="00651F56">
        <w:rPr>
          <w:rFonts w:ascii="Courier New" w:hAnsi="Courier New" w:cs="Courier New"/>
        </w:rPr>
        <w:t>'eb\'fe\'f7\'e0\'e5\'ec\'ee\'ec\'f3 \'ec\'e5\'e6\'e4\'f3 \'c0\'ce \'ab\'c4\'c0\'cb\'dc\'ca\'ce\'cc\'d5\'ce\'cb\'ce\'c4\'bb (\'c8\'cd\'cd 2537003955)  \'e8 \'c1\'e0\'ed\'ea\'ee\'ec \'c2\'d2\'c1 (\'cf\'c0\'ce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</w:t>
      </w:r>
      <w:r w:rsidRPr="00651F56">
        <w:rPr>
          <w:rFonts w:ascii="Courier New" w:hAnsi="Courier New" w:cs="Courier New"/>
        </w:rPr>
        <w:t xml:space="preserve">b\fs22\insrsid6908863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8323676 {\rtlch\fcs1 \ab\af0\afs22 \ltrch\fcs0 \b\fs22\insrsid472349\charrsid538368 \'d0\'e5\'e7\'f3\'eb\'fc\'f2\'e0\'f</w:t>
      </w:r>
      <w:r w:rsidRPr="00651F56">
        <w:rPr>
          <w:rFonts w:ascii="Courier New" w:hAnsi="Courier New" w:cs="Courier New"/>
        </w:rPr>
        <w:t>2\'fb \'e3\'ee\'eb\'ee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0\'ed\'e8\'ff}{\rtlch\fcs1 \af0\afs22 \ltrch\fcs0 \b\fs22\insrsid472349\charrsid538368  }{\rtlch\fcs1 \af0\afs22 \ltrch\fcs0 \b\fs22\insrsid8323676\charrsid538368 \'ef\'ee }{\rtlch\fcs1 \af0\afs22 \ltrch\fcs0 \b\fs22\</w:t>
      </w:r>
      <w:r w:rsidRPr="00651F56">
        <w:rPr>
          <w:rFonts w:ascii="Courier New" w:hAnsi="Courier New" w:cs="Courier New"/>
        </w:rPr>
        <w:t>insrsid8323676 \'f7\'e5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2\'e5\'f0\'f2\'ee\'ec\'f3}{\rtlch\fcs1 \af0\afs22 \ltrch\fcs0 \b\fs22\insrsid8323676\charrsid538368  \'e2\'ee\'ef\'f0\'ee\'f1\'f3 \'ef\'ee\'e2\'e5\'f1\'f2\'ea\'e8 \'e4\'ed\'ff: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fs22\c</w:t>
      </w:r>
      <w:r w:rsidRPr="00651F56">
        <w:rPr>
          <w:rFonts w:ascii="Courier New" w:hAnsi="Courier New" w:cs="Courier New"/>
        </w:rPr>
        <w:t xml:space="preserve">f6\insrsid8323676\charrsid538368  }{\rtlch\fcs1 \af0\afs22 \ltrch\fcs0 \b\fs22\cf6\insrsid832367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sb120\widctlpar\tx4536\wrapdefault\aspalpha\aspnum\faauto\adjustright\rin0\lin0\itap0\pararsid16543217 {\rtlch\fcs1 \af0\afs</w:t>
      </w:r>
      <w:r w:rsidRPr="00651F56">
        <w:rPr>
          <w:rFonts w:ascii="Courier New" w:hAnsi="Courier New" w:cs="Courier New"/>
        </w:rPr>
        <w:t xml:space="preserve">22 \ltrch\fcs0 \fs22\insrsid16543217\charrsid2451716 \'d7\'e8\'f1\'eb\'ee \'e3\'ee\'eb\'ee\'f1\'ee\'e2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e\'f2\'ee\'f0\'fb\'ec\'e8 \'ee\'e1\'eb\'e0\'e4\'e0\'eb\'e8 \'eb\'e8\'f6\'e0, \'e2\'ea\'eb\'fe\'f7\'e5\'ed\'ed\'fb\'e5 \'e2 \'f1\'ef\'e8\'f1\'ee</w:t>
      </w:r>
      <w:r w:rsidRPr="00651F56">
        <w:rPr>
          <w:rFonts w:ascii="Courier New" w:hAnsi="Courier New" w:cs="Courier New"/>
        </w:rPr>
        <w:t>\'ea \'eb\'e8\'f6, \'e8\'ec\'e5\'e2\'f8\'e8\'f5 \'ef\'f0\'e0\'e2\'ee \'ed\'e0 \'f3\'f7\'e0\'f1\'f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2  \'ee\'e1\'f9\'e5\'ec \'f1\'ee\'e1\'f0\'e0\'ed\'e8\'e8 \'e0\'ea\'f6\'e8\'ee\'ed\'e5\'f0\'ee\'e2, \'ef\'ee \'e4\'e0\'ed\'ed\'ee\'ec\'f3 \'e2\'e</w:t>
      </w:r>
      <w:r w:rsidRPr="00651F56">
        <w:rPr>
          <w:rFonts w:ascii="Courier New" w:hAnsi="Courier New" w:cs="Courier New"/>
        </w:rPr>
        <w:t>e\'ef\'f0\'ee\'f1\'f3 \'ef\'ee\'e2\'e5\'f1\'f2\'ea\'e8 \'e4\'ed\'ff \'ee\'e1\'f9\'e5\'e3\'ee \'f1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1\'f0\'e0\'ed\'e8\'ff, -  830 380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f\'f0\'e8\'f5\'ee\'e4\'e8\'e2\'f8\'e8\'f5\'f1\'ff \'ed</w:t>
      </w:r>
      <w:r w:rsidRPr="00651F56">
        <w:rPr>
          <w:rFonts w:ascii="Courier New" w:hAnsi="Courier New" w:cs="Courier New"/>
        </w:rPr>
        <w:t>\'e0 \'e3\'ee\'eb\'ee\'f1\'f3\'fe\'f9\'e8\'e5 \'e0\'ea\'f6\'e8\'e8 \'ee\'e1\'f9\'e5\'f1\'f2\'e2\'e0, \'ef\'ee \'e4\'e0\'ed\'ed\'ee\'ec\'f3 \'e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e\'f1\'f3 \'ef\'ee\'e2\'e5\'f1\'f2\'ea\'e8 \'e4\'ed\'ff \'ee\'e1\'f9\'e5\'e3\'ee \'f1\'ee\'e1\'f</w:t>
      </w:r>
      <w:r w:rsidRPr="00651F56">
        <w:rPr>
          <w:rFonts w:ascii="Courier New" w:hAnsi="Courier New" w:cs="Courier New"/>
        </w:rPr>
        <w:t>0\'e0\'ed\'e8\'ff, \'ee\'ef\'f0\'e5\'e4\'e5\'eb\'e5\'ed\'ed\'ee\'e5 \'f1 \'f3\'f7\'e5\'f2\'ee\'ec \'f2\'f0\'e5\'e1\'ee\'e2\'e0\'ed\'e8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. 4.24. \'cf\'ee\'eb\'ee\'e6\'e5\'ed\'e8\'e5 \'c1\'e0\'ed\'ea\'e0 \'d0\'ee\'f1\'f1\'e8\'e8 \'b9 660-\'cf \'ee\'</w:t>
      </w:r>
      <w:r w:rsidRPr="00651F56">
        <w:rPr>
          <w:rFonts w:ascii="Courier New" w:hAnsi="Courier New" w:cs="Courier New"/>
        </w:rPr>
        <w:t xml:space="preserve">f2 16.11.2018\'e3. \'ab\'ce\'e1 \'ee\'e1\'f9\'e8\'f5 \'f1\'ee\'e1\'f0\'e0\'ed\'e8\'ff\'f5 \'e0\'ea\'f6\'e8\'ee\'ed\'e5\'f0\'ee\'e2\'bb, \endash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472 104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a\'ee\'f2\'ee\'f0\'fb\'ec\'e8 \'ee\'e1\'</w:t>
      </w:r>
      <w:r w:rsidRPr="00651F56">
        <w:rPr>
          <w:rFonts w:ascii="Courier New" w:hAnsi="Courier New" w:cs="Courier New"/>
        </w:rPr>
        <w:t>eb\'e0\'e4\'e0\'eb\'e8 \'eb\'e8\'f6\'e0, \'ef\'f0\'e8\'ed\'ff\'e2\'f8\'e8\'e5 \'f3\'f7\'e0\'f1\'f2\'e8\'e5  \'e2 \'ee\'e1\'f9\'e5\'ec  \'f1\'ee\'e1\'f0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8, \'ef\'ee \'e4\'e0\'ed\'ed\'ee\'ec\'f3 \'e2\'ee\'ef\'f0\'ee\'f1\'f3 \'ef\'ee\'e2\'e5\'</w:t>
      </w:r>
      <w:r w:rsidRPr="00651F56">
        <w:rPr>
          <w:rFonts w:ascii="Courier New" w:hAnsi="Courier New" w:cs="Courier New"/>
        </w:rPr>
        <w:t xml:space="preserve">f1\'f2\'ea\'e8 \'e4\'ed\'ff \'f1\'ee\'e1\'f0\'e0\'ed\'e8\'ff,  - 434 8}{\rtlch\fcs1 \af0\afs22 \ltrch\fcs0 \fs22\insrsid16543217 57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6543217\charrsid2451716 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tx4</w:t>
      </w:r>
      <w:r w:rsidRPr="00651F56">
        <w:rPr>
          <w:rFonts w:ascii="Courier New" w:hAnsi="Courier New" w:cs="Courier New"/>
        </w:rPr>
        <w:t>536\wrapdefault\aspalpha\aspnum\faauto\adjustright\rin0\lin0\itap0\pararsid16543217 {\rtlch\fcs1 \af0\afs22 \ltrch\fcs0 \fs22\insrsid16543217\charrsid2451716 \'ca\'e2\'ee\'f0\'f3\'ec \'ef\'ee \'e4\'e0\'ed\'ed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'f3 \'e2\'ee\'ef\'f0\'ee\'f1\'f3 \'ef</w:t>
      </w:r>
      <w:r w:rsidRPr="00651F56">
        <w:rPr>
          <w:rFonts w:ascii="Courier New" w:hAnsi="Courier New" w:cs="Courier New"/>
        </w:rPr>
        <w:t>\'ee\'e2\'e5\'f1\'f2\'ea\'e8 \'e4\'ed\'ff \'e8\'ec\'e5\'e5\'f2\'f1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4\qj \li0\ri0\widctlpar\tx4536\wrapdefault\aspalpha\aspnum\faauto\adjustright\rin0\lin0\itap0\pararsid16543217 \rtlch\fcs1 \af0\afs20\alang1025 \ltrch\fcs0</w:t>
      </w:r>
      <w:r w:rsidRPr="00651F56">
        <w:rPr>
          <w:rFonts w:ascii="Courier New" w:hAnsi="Courier New" w:cs="Courier New"/>
        </w:rPr>
        <w:t xml:space="preserve"> \fs24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16543217\charrsid2451716 \'d7\'e8\'f1\'eb\'ee \'e3\'ee\'eb\'ee\'f1\'ee\'e2, \'ee\'f2\'e4\'e0\'ed\'ed\'fb\'f5 \'e7\'e0 \'ea\'e0\'e6\'e4\'fb\'e9 \'e8\</w:t>
      </w:r>
      <w:r w:rsidRPr="00651F56">
        <w:rPr>
          <w:rFonts w:ascii="Courier New" w:hAnsi="Courier New" w:cs="Courier New"/>
        </w:rPr>
        <w:t>'e7 \'e2\'e0\'f0\'e8\'e0\'ed\'f2\'ee\'e2 \'e3\'ee\'eb\'ee\'f1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d\'e8\'ff \'ef\'ee \'e4\'e0\'ed\'ed\'ee\'ec\'f3 \'e2\'ee\'ef\'f0\'ee\'f1\'f3 \'ef\'ee\'e2\'e5\'f1\'f2\'ea\'e8 \'e4\'ed\'ff \'f1\'ee\'e1\'f0\'e0\'ed\'e8\'ff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</w:t>
      </w:r>
      <w:r w:rsidRPr="00651F56">
        <w:rPr>
          <w:rFonts w:ascii="Courier New" w:hAnsi="Courier New" w:cs="Courier New"/>
        </w:rPr>
        <w:t xml:space="preserve">trpar\qj \fi709\li0\ri0\widctlpar\wrapdefault\aspalpha\aspnum\faauto\adjustright\rin0\lin0\itap0\pararsid16543217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</w:t>
      </w:r>
      <w:r w:rsidRPr="00651F56">
        <w:rPr>
          <w:rFonts w:ascii="Courier New" w:hAnsi="Courier New" w:cs="Courier New"/>
        </w:rPr>
        <w:t>22\insrsid16543217\charrsid16543217 \'ab\'e7\'e0\'bb -  434\~857;     \'ab\'ef\'f0\'ee\'f2\'e8\'e2\'bb -  0;     \'ab\'e2\'ee\'e7\'e4\'e5\'f0\'e6\'e0\'eb\'f1\'ff\'bb - 0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</w:t>
      </w:r>
      <w:r w:rsidRPr="00651F56">
        <w:rPr>
          <w:rFonts w:ascii="Courier New" w:hAnsi="Courier New" w:cs="Courier New"/>
        </w:rPr>
        <w:t xml:space="preserve">ight\rin0\lin0\itap0\pararsid8323676 {\rtlch\fcs1 \af0\afs22 \ltrch\fcs0 \b\fs22\cf6\insrsid4723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11159111 {\rtlch\fcs1 \af0\afs22 \ltrch\fc</w:t>
      </w:r>
      <w:r w:rsidRPr="00651F56">
        <w:rPr>
          <w:rFonts w:ascii="Courier New" w:hAnsi="Courier New" w:cs="Courier New"/>
        </w:rPr>
        <w:t xml:space="preserve">s0 \b\fs22\insrsid8323676\charrsid538368 \'d0\'e5\'f8\'e5\'ed\'e8\'e5 \'f1\'ee\'e1\'f0\'e0\'ed\'e8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e }{\rtlch\fcs1 \af0\afs22 \ltrch\fcs0 \b\fs22\insrsid8323676 \'f7\'e5\'f2\'e2\'e5\'f0\'f2\'ee\'ec\'f3}{\rtlch\fcs1 \af0\afs22 \ltrch\fcs0 \b\fs</w:t>
      </w:r>
      <w:r w:rsidRPr="00651F56">
        <w:rPr>
          <w:rFonts w:ascii="Courier New" w:hAnsi="Courier New" w:cs="Courier New"/>
        </w:rPr>
        <w:t>22\insrsid8323676\charrsid538368  \'e2\'ee\'ef\'f0\'ee\'f1\'f3 \'ef\'ee\'e2\'e5\'f1\'f2\'ea\'e8 \'e4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:}{\rtlch\fcs1 \af0\afs22 \ltrch\fcs0 \b\fs22\cf6\insrsid8323676\charrsid538368  }{\rtlch\fcs1 \af0\afs22 \ltrch\fcs0 \fs22\insrsid11159111\charrs</w:t>
      </w:r>
      <w:r w:rsidRPr="00651F56">
        <w:rPr>
          <w:rFonts w:ascii="Courier New" w:hAnsi="Courier New" w:cs="Courier New"/>
        </w:rPr>
        <w:t>id11159111 {\*\bkmkstart _Hlk72508439}\'ce\'c4\'ce\'c1\'d0\'c8\'d2\'dc \'ea\'f0\'f3\'ef\'ed\'f3\'fe 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5\'eb\'ea\'f3 \endash  \'e4\'ee\'e3\'ee\'e2\'ee\'f0 \'ef\'ee\'f0\'f3\'f7\'e8\'f2\'e5\'eb\'fc\'f1\'f2\'e2\'e0 \'b9\'c4\'cf2-\'d6\'d3-702750/2021</w:t>
      </w:r>
      <w:r w:rsidRPr="00651F56">
        <w:rPr>
          <w:rFonts w:ascii="Courier New" w:hAnsi="Courier New" w:cs="Courier New"/>
        </w:rPr>
        <w:t>/00011 \'ee\'f2 03.03.2021 \'e3\'ee\'e4\'e0 \'ec\'e5\'e6\'e4\'f3 \'c0\'ce \'ab\'d2\'e5\'f0\'ec\'e8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b \'c0\'f1\'f2\'e0\'f4\'fc\'e5\'e2\'e0\'bb (\'c8\'cd\'cd 2508001618) \'e8 \'c1\'e0\'ed\'ea\'ee\'ec \'c2\'d2\'c1 (\'ef\'f3\'e1\'eb\'e8\'f7\'ed\'ee</w:t>
      </w:r>
      <w:r w:rsidRPr="00651F56">
        <w:rPr>
          <w:rFonts w:ascii="Courier New" w:hAnsi="Courier New" w:cs="Courier New"/>
        </w:rPr>
        <w:t>\'e5 \'e0\'ea\'f6\'e8\'ee\'ed\'e5\'f0\'ed\'ee\'e5 \'ee\'e1\'f9\'e5\'f1\'f2\'e2\'ee) \'ef\'ee \'ea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4\'e8\'f2\'ed\'fb\'ec \'ee\'e1\'ff\'e7\'e0\'f2\'e5\'eb\'fc\'f1\'f2\'e2\'e0\'ec \'c0\'ce \'ab\'c4\'c0\'cb\'dc\'ca\'ce\'cc\'d5\'ce\'cb\'ce\'c4\'bb (</w:t>
      </w:r>
      <w:r w:rsidRPr="00651F56">
        <w:rPr>
          <w:rFonts w:ascii="Courier New" w:hAnsi="Courier New" w:cs="Courier New"/>
        </w:rPr>
        <w:t>\'c8\'cd\'cd 2537003955) \'ef\'ee \'ea\'f0\'e5\'e4\'e8\'f2\'ed\'ee\'ec\'f3 \'f1\'ee\'e3\'eb\'e0\'f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e8\'fe \'b9\'ca\'d1-\'d6\'d3-702750/2021/00011 \'ee\'f2 03.03.2021 \'e3\'ee\'e4\'e0 \'ee \'e2\'fb\'e4\'e0\'f7\'e5 \'ea\'f0\'e5\'e4\'e8\'f2\'e0 \'</w:t>
      </w:r>
      <w:r w:rsidRPr="00651F56">
        <w:rPr>
          <w:rFonts w:ascii="Courier New" w:hAnsi="Courier New" w:cs="Courier New"/>
        </w:rPr>
        <w:t>e2 \'e2\'e8\'e4\'e5 \'ea\'f0\'e5\'e4\'e8\'f2\'ed\'ee\'e9 \'eb\'e8\'ed\'e8\'e8 \'f1 \'eb\'e8\'ec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e\'ec \'e2\'fb\'e4\'e0\'f7\'e8, \'e2 \'f1\'f3\'ec\'ec\'e5 150 \'ec\'eb\'ed. \'f0\'f3\'e1\'eb\'e5\'e9, \'f1\'f0\'ee\'ea\'ee\'ec \'e4\'ee 1095 \'e4\'e</w:t>
      </w:r>
      <w:r w:rsidRPr="00651F56">
        <w:rPr>
          <w:rFonts w:ascii="Courier New" w:hAnsi="Courier New" w:cs="Courier New"/>
        </w:rPr>
        <w:t>d\'e5\'e9, \'e7\'e0\'ea\'eb\'fe\'f7\'e5\'ed\'ed\'ee\'ec\'f3 \'ec\'e5\'e6\'e4\'f3 \'c0\'ce \'ab\'c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0\'cb\'dc\'ca\'ce\'cc\'d5\'ce\'cb\'ce\'c4\'bb (\'c8\'cd\'cd 2537003955)  \'e8 \'c1\'e0\'ed\'ea\'ee\'ec \'c2\'d2\'c1 (\'cf\'c0\'ce){\*\bkmkend _Hlk7250843</w:t>
      </w:r>
      <w:r w:rsidRPr="00651F56">
        <w:rPr>
          <w:rFonts w:ascii="Courier New" w:hAnsi="Courier New" w:cs="Courier New"/>
        </w:rPr>
        <w:t>9} \'ed\'e0 \'f1\'eb\'e5\'e4\'f3\'fe\'f9\'e8\'f5 \'f3\'f1\'eb\'ee\'e2\'e8\'ff\'f5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widctlpar\wrapdefault\aspalpha\aspnum\faauto\adjustright\rin0\lin0\itap0\pararsid11159111 {\rtlch\fcs1 \ab\af0\afs22 \ltrch\fcs0 \b\fs</w:t>
      </w:r>
      <w:r w:rsidRPr="00651F56">
        <w:rPr>
          <w:rFonts w:ascii="Courier New" w:hAnsi="Courier New" w:cs="Courier New"/>
        </w:rPr>
        <w:t xml:space="preserve">22\insrsid11159111\charrsid11159111 \'c2\'e8\'e4 \'f1\'e4\'e5\'eb\'ea\'e8: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0\afs22 \ltrch\fcs0 \fs22\insrsid11159111\charrsid11159111  \'ca\'f0\'e5\'e4\'e8\'f2\'ed\'e0\'ff \'eb\'e8\'ed\'e8\'ff \'f1 \'eb\'e8\'ec\'e8\'f2\'ee\'ec \'e2\'fb</w:t>
      </w:r>
      <w:r w:rsidRPr="00651F56">
        <w:rPr>
          <w:rFonts w:ascii="Courier New" w:hAnsi="Courier New" w:cs="Courier New"/>
        </w:rPr>
        <w:t>\'e4\'e0\'f7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567\li0\ri0\widctlpar\wrapdefault\aspalpha\aspnum\faauto\adjustright\rin0\lin0\itap0\pararsid11159111 {\rtlch\fcs1 \ab\af0\afs22 \ltrch\fcs0 \fs22\insrsid11159111\charrsid11159111 - \'ca\'f0\'e5\'e4\'e8\'f2\'ee\</w:t>
      </w:r>
      <w:r w:rsidRPr="00651F56">
        <w:rPr>
          <w:rFonts w:ascii="Courier New" w:hAnsi="Courier New" w:cs="Courier New"/>
        </w:rPr>
        <w:t>'f0 \endash  \'c1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a \'c2\'d2\'c1 (\'cf\'c0\'ce)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- \'c7\'e0\'e5\'ec\'f9\'e8\'ea \endash  \'c0\'ce \'ab\'c4\'e0\'eb\'fc\'ea\'ee\'ec\'f5\'ee\'eb\'ee\'e4\'bb (\'c8\'cd\'cd }{\rtlch\fcs1 \af0\afs22 \ltrch\fcs0 \fs22\insrsid11159111\charrsid111</w:t>
      </w:r>
      <w:r w:rsidRPr="00651F56">
        <w:rPr>
          <w:rFonts w:ascii="Courier New" w:hAnsi="Courier New" w:cs="Courier New"/>
        </w:rPr>
        <w:t xml:space="preserve">59111 2537003955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s22\insrsid11159111\charrsid11159111 ) 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widctlpar\wrapdefault\aspalpha\aspnum\faauto\adjustright\rin0\lin0\itap0\pararsid11159111 {\rtlch\fcs1 \ab\af0\afs2</w:t>
      </w:r>
      <w:r w:rsidRPr="00651F56">
        <w:rPr>
          <w:rFonts w:ascii="Courier New" w:hAnsi="Courier New" w:cs="Courier New"/>
        </w:rPr>
        <w:t>2 \ltrch\fcs0 \b\fs22\insrsid11159111\charrsid11159111 \'d1\'f3\'ec\'ec\'e0 \'f1\'e4\'e5\'eb\'ea\'e8: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b\af0\afs22 \ltrch\fcs0 \fs22\insrsid11159111\charrsid11159111  150 000\~000,00 (\'f1\'f2\'ee \'ef\'ff\'f2\'fc\'e4\'e5\'f1\'ff\'f2 \'ec\'</w:t>
      </w:r>
      <w:r w:rsidRPr="00651F56">
        <w:rPr>
          <w:rFonts w:ascii="Courier New" w:hAnsi="Courier New" w:cs="Courier New"/>
        </w:rPr>
        <w:t xml:space="preserve">e8\'eb\'eb\'e8\'ee\'ed\'ee\'e2) \'f0\'f3\'e1\'eb\'e5\'e9}{\rtlch\fcs1 \ai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s22\insrsid11159111\charrsid1115911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b\fs22\insrsid11159111\charrsid11159111 \'d1\'f0\'ee\'ea \'f1\'e4\'e5\'</w:t>
      </w:r>
      <w:r w:rsidRPr="00651F56">
        <w:rPr>
          <w:rFonts w:ascii="Courier New" w:hAnsi="Courier New" w:cs="Courier New"/>
        </w:rPr>
        <w:t xml:space="preserve">eb\'ea\'e8: 1095}{\rtlch\fcs1 \ab\af0\afs22 \ltrch\fcs0 \fs22\insrsid11159111\charrsid11159111  \'e4\'ed\'e5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b\fs22\insrsid11159111\charrsid11159111 \'d1\'f0\'ee\'ea \'e8\'f1\'ef\'ee\'eb\'fc\'e7\'ee\'e2\'</w:t>
      </w:r>
      <w:r w:rsidRPr="00651F56">
        <w:rPr>
          <w:rFonts w:ascii="Courier New" w:hAnsi="Courier New" w:cs="Courier New"/>
        </w:rPr>
        <w:t xml:space="preserve">e0\'ed\'e8\'ff: }{\rtlch\fcs1 \ab\af0\afs22 \ltrch\fcs0 \fs22\insrsid11159111\charrsid11159111 \'ee\'e1\'f9\'e8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0\'ee\'ea \'ef\'f0\'e5\'e4\'ee\'f1\'f2\'e0\'e2\'eb\'e5\'ed\'e8\'ff \'ca\'f0\'e5\'e4\'e8\'f2\'ee\'e2 -}{\rtlch\fcs1 \ab\af0\afs22 \l</w:t>
      </w:r>
      <w:r w:rsidRPr="00651F56">
        <w:rPr>
          <w:rFonts w:ascii="Courier New" w:hAnsi="Courier New" w:cs="Courier New"/>
        </w:rPr>
        <w:t xml:space="preserve">trch\fcs0 \b\fs22\insrsid11159111\charrsid11159111  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insrsid11159111\charrsid11159111 170 \'ea\'e0\'eb\'e5\'ed\'e4\'e0\'f0\'ed\'fb\'f5 \'e4\'ed\'e5\'e9 \'f1 \'e4\'e0\'f2\'fb \'e2\'f1\'f2\'f3\'ef\'eb\'e5\'ed\'e</w:t>
      </w:r>
      <w:r w:rsidRPr="00651F56">
        <w:rPr>
          <w:rFonts w:ascii="Courier New" w:hAnsi="Courier New" w:cs="Courier New"/>
        </w:rPr>
        <w:t>8\'ff \'d1\'ee\'e3\'eb\'e0\'f8\'e5\'ed\'e8\'ff \'e2 \'f1\'e8\'eb\'f3 \'e2\'ea\'eb\'fe\'f7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5\'eb\'fc\'ed\'ee. \'ca\'f0\'e5\'e4\'e8\'f2\'fb \'ef\'f0\'e5\'e4\'ee\'f1\'f2\'e0\'e2\'eb\'ff\'fe\'f2\'f1\'ff \'c7\'e0\'e5\'ec\'f9\'e8\'ea\'f3 \'e4\'ee \'e</w:t>
      </w:r>
      <w:r w:rsidRPr="00651F56">
        <w:rPr>
          <w:rFonts w:ascii="Courier New" w:hAnsi="Courier New" w:cs="Courier New"/>
        </w:rPr>
        <w:t>8\'f1\'f2\'e5\'f7\'e5\'ed\'e8\'ff \'ce\'e1\'f9\'e5\'e3\'ee \'f1\'f0\'ee\'ea\'e0 \'ef\'f0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e\'f1\'f2\'e0\'e2\'eb\'e5\'ed\'e8\'ff \'ca\'f0\'e5\'e4\'e8\'f2\'ee\'e2 \'ef\'ee\'f1\'eb\'e5 \'e2\'fb\'ef\'ee\'eb\'ed\'e5\'ed\'e8\'ff \'ee\'f2\'eb\'e0\'e3\'</w:t>
      </w:r>
      <w:r w:rsidRPr="00651F56">
        <w:rPr>
          <w:rFonts w:ascii="Courier New" w:hAnsi="Courier New" w:cs="Courier New"/>
        </w:rPr>
        <w:t>e0\'f2\'e5\'eb\'fc\'ed\'fb\'f5 \'f3\'f1\'eb\'ee\'e2\'e8\'e9, \'ef\'f0\'e5\'e4\'f3\'f1\'ec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f2\'f0\'e5\'ed\'ed\'fb\'f5 \'d1\'ee\'e3\'eb\'e0\'f8\'e5\'ed\'e8\'e5\'ec.  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nowidctlpar\wrapdefault\aspalpha\aspnum\faa</w:t>
      </w:r>
      <w:r w:rsidRPr="00651F56">
        <w:rPr>
          <w:rFonts w:ascii="Courier New" w:hAnsi="Courier New" w:cs="Courier New"/>
        </w:rPr>
        <w:t>uto\adjustright\rin0\lin0\itap0\pararsid11159111 {\rtlch\fcs1 \ab\af0\afs22 \ltrch\fcs0 \b\fs22\insrsid11159111\charrsid11159111 \'c3\'f0\'e0\'f4\'e8\'ea \'ef\'ee\'e3\'e0\'f8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8\'ff:}{\rtlch\fcs1 \af0\afs22 \ltrch\fcs0 \fs22\insrsid11159111\char</w:t>
      </w:r>
      <w:r w:rsidRPr="00651F56">
        <w:rPr>
          <w:rFonts w:ascii="Courier New" w:hAnsi="Courier New" w:cs="Courier New"/>
        </w:rPr>
        <w:t>rsid11159111  \'c5\'e6\'e5\'ec\'e5\'f1\'ff\'f7\'ed\'ee, \'ed\'e0\'f7\'e8\'ed\'e0\'ff \'f1 25 \'ec\'e5\'f1\'ff\'f6\'e0 \'f1\'f0\'ee\'ea\'e0 \'e4\'e5\'e9\'f1\'f2\'e2\'e8\'ff \'c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5\'e4\'e8\'f2\'ed\'ee\'e3\'ee \'f1\'ee\'e3\'eb\'e0\'f8\'e5\'ed\'e8\'ff,</w:t>
      </w:r>
      <w:r w:rsidRPr="00651F56">
        <w:rPr>
          <w:rFonts w:ascii="Courier New" w:hAnsi="Courier New" w:cs="Courier New"/>
        </w:rPr>
        <w:t xml:space="preserve"> \'e2 \'ef\'e5\'f0\'e8\'ee\'e4 \'f1 15 \'ef\'ee 21 \'f7\'e8\'f1\'eb\'ee \'ea\'e0\'e6\'e4\'ee\'e3\'ee \'ec\'e5\'f1\'ff\'f6\'e0 \'ef\'ee 6 000 000 \'f0\'f3\'e1., (1-\'fb\'e9 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1\'ff\'f6 \endash  \'ec\'e5\'f1\'ff\'f6 \'e7\'e0\'ea\'eb\'fe\'f7\'e5\'e</w:t>
      </w:r>
      <w:r w:rsidRPr="00651F56">
        <w:rPr>
          <w:rFonts w:ascii="Courier New" w:hAnsi="Courier New" w:cs="Courier New"/>
        </w:rPr>
        <w:t>d\'e8\'ff \'f1\'e4\'e5\'eb\'ea\'e8), \'ee\'f1\'f2\'e0\'f2\'ee\'ea \'e4\'ee\'eb\'e3\'e0 \endash  \'e2 \'ef\'ee\'f1\'eb\'e5\'e4\'ed\'e8\'e5 7 \'e4\'ed\'e5\'e9 \'f1\'f0\'ee\'ea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e4\'e5\'e9\'f1\'f2\'e2\'e8\'ff \'ca\'f0\'e5\'e4\'e8\'f2\'ed\'ee\'e3\'ee \'</w:t>
      </w:r>
      <w:r w:rsidRPr="00651F56">
        <w:rPr>
          <w:rFonts w:ascii="Courier New" w:hAnsi="Courier New" w:cs="Courier New"/>
        </w:rPr>
        <w:t>f1\'ee\'e3\'eb\'e0\'f8\'e5\'ed\'e8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\'e5\'ec\'f9\'e8\'ea \'ee\'e1\'ff\'e7\'f3\'e5\'f2\'f1\'ff \'ef\'f0\'ee\'e8\'e7\'e2\'e5\'f1\'f2\'e8 \'ef\'ee\'e3\'e0\'f8\'e5\'ed\'e8\'e5 (\'e2\'ee\'e7\'e2\'f0\'e0\'f2) \'ea\'f0\'e5\'e4\'e8\'f2\'ee\'e2 \'e</w:t>
      </w:r>
      <w:r w:rsidRPr="00651F56">
        <w:rPr>
          <w:rFonts w:ascii="Courier New" w:hAnsi="Courier New" w:cs="Courier New"/>
        </w:rPr>
        <w:t>2 \'e4\'e0\'f2\'f3, \'ed\'e0\'f1\'f2\'f3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fe\'f9\'f3\'fe \'f7\'e5\'f0\'e5\'e7 1095 \'ea\'e0\'eb\'e5\'ed\'e4\'e0\'f0\'ed\'fb\'f5 \'e4\'ed\'e5\'e9 \'f1 \'e4\'e0\'f2\'fb \'e2\'f1\'f2\'f3\'ef\'eb\'e5\'ed\'e8\'ff \'e2 \'f1\'e8\'eb\'f3 \'d1\'ee\'e3\'eb</w:t>
      </w:r>
      <w:r w:rsidRPr="00651F56">
        <w:rPr>
          <w:rFonts w:ascii="Courier New" w:hAnsi="Courier New" w:cs="Courier New"/>
        </w:rPr>
        <w:t>\'e0\'f8\'e5\'ed\'e8\'ff \'e2 \'ef\'ee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c \'f0\'e0\'e7\'ec\'e5\'f0\'e5 \'e2 \'f1\'ee\'ee\'f2\'e2\'e5\'f2\'f1\'f2\'e2\'e8\'e8 \'f1 \'c3\'f0\'e0\'f4\'e8\'ea\'ee\'ec \'ef\'ee\'e3\'e0\'f8\'e5\'ed\'e8\'ff (\'e2\'ee\'e7\'e2\'f0\'e0\'f2\'e0) \'ca\'</w:t>
      </w:r>
      <w:r w:rsidRPr="00651F56">
        <w:rPr>
          <w:rFonts w:ascii="Courier New" w:hAnsi="Courier New" w:cs="Courier New"/>
        </w:rPr>
        <w:t>f0\'e5\'e4\'e8\'f2\'ee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nowidctlpar\tx319\wrapdefault\hyphpar0\aspalpha\faroman\adjustright\rin0\lin0\itap0\pararsid11159111 \rtlch\fcs1 \af0\afs24\alang1025 \ltrch\fcs0 \f1\fs20\lang1049\langfe1049\cgrid\lang</w:t>
      </w:r>
      <w:r w:rsidRPr="00651F56">
        <w:rPr>
          <w:rFonts w:ascii="Courier New" w:hAnsi="Courier New" w:cs="Courier New"/>
        </w:rPr>
        <w:t xml:space="preserve">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0\afs22 \ltrch\fcs0 \b\f0\fs22\insrsid11159111\charrsid11159111 \tab \'d6\'e5\'eb\'e5\'e2\'ee\'e5 \'ed\'e0\'e7\'ed\'e0\'f7\'e5\'ed\'e8\'e5}{\rtlch\fcs1 \af0\afs22 \ltrch\fcs0 \f0\fs22\insrsid11159111\charrsid1115911</w:t>
      </w:r>
      <w:r w:rsidRPr="00651F56">
        <w:rPr>
          <w:rFonts w:ascii="Courier New" w:hAnsi="Courier New" w:cs="Courier New"/>
        </w:rPr>
        <w:t xml:space="preserve">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3\fs22\insrsid11159111\charrsid11159111 \loch\af3\dbch\af0\hich\f3 \'b7\tab}}\pard \ltr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43\qj \fi-360\li360\ri0\widctlpar\wrapdefault\hyphpar0\aspalpha\faroman\ls49\adjus</w:t>
      </w:r>
      <w:r w:rsidRPr="00651F56">
        <w:rPr>
          <w:rFonts w:ascii="Courier New" w:hAnsi="Courier New" w:cs="Courier New"/>
        </w:rPr>
        <w:t>tright\rin0\lin360\itap0\pararsid11159111 {\rtlch\fcs1 \af0\afs22 \ltrch\fcs0 \f0\fs22\insrsid11159111\charrsid11159111 \'d4\'e8\'ed\'e0\'ed\'f1\'e8\'f0\'ee\'e2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5 \'f2\'e5\'ea\'f3\'f9\'e5\'e9 \'e4\'e5\'ff\'f2\'e5\'eb\'fc\'ed\'ee\'f1\'f2\'e8</w:t>
      </w:r>
      <w:r w:rsidRPr="00651F56">
        <w:rPr>
          <w:rFonts w:ascii="Courier New" w:hAnsi="Courier New" w:cs="Courier New"/>
        </w:rPr>
        <w:t xml:space="preserve"> \'e8 \'f4\'e8\'ed\'e0\'ed\'f1\'e8\'f0\'ee\'e2\'e0\'ed\'e8\'e5 \'e4\'e5\'ff\'f2\'e5\'eb\'fc\'ed\'ee\'f1\'f2\'e8, \'ef\'f0\'e5\'e4\'f3\'f1\'ec\'ee\'f2\'f0\'e5\'ed\'ed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9 \'f3\'f1\'f2\'e0\'e2\'ee\'ec \'c7\'e0\'e5\'ec\'f9\'e8\'ea\'e0, \'e2 \'f0\'e0\'ec</w:t>
      </w:r>
      <w:r w:rsidRPr="00651F56">
        <w:rPr>
          <w:rFonts w:ascii="Courier New" w:hAnsi="Courier New" w:cs="Courier New"/>
        </w:rPr>
        <w:t xml:space="preserve">\'ea\'e0\'f5 \'e5\'e3\'ee \'ee\'e1\'fb\'f7\'ed\'ee\'e9 \'f5\'ee\'e7\'ff\'e9\'f1\'f2\'e2\'e5\'ed\'ed\'ee\'e9 \'e4\'e5\'ff\'f2\'e5\'eb\'fc\'ed\'ee\'f1\'f2\'e8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3\fs22\insrsid111591</w:t>
      </w:r>
      <w:r w:rsidRPr="00651F56">
        <w:rPr>
          <w:rFonts w:ascii="Courier New" w:hAnsi="Courier New" w:cs="Courier New"/>
        </w:rPr>
        <w:t>11\charrsid11159111 \loch\af3\dbch\af0\hich\f3 \'b7\tab}}\pard \ltrpar\s43\qj \fi-283\li319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x360\wrapdefault\hyphpar0\aspalpha\faroman\ls49\adjustright\rin0\lin319\itap0\pararsid11159111 {\rtlch\fcs1 \af0\afs22 \ltrch\fcs0 \f0\fs22\insrsid</w:t>
      </w:r>
      <w:r w:rsidRPr="00651F56">
        <w:rPr>
          <w:rFonts w:ascii="Courier New" w:hAnsi="Courier New" w:cs="Courier New"/>
        </w:rPr>
        <w:t>11159111\charrsid11159111 \'cf\'f0\'e8\'ee\'e1\'f0\'e5\'f2\'e5\'ed\'e8\'e5, \'f0\'e5\'ec\'ee\'ed\'f2, 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e\'e4\'e5\'f0\'ed\'e8\'e7\'e0\'f6\'e8\'ff \'ee\'f1\'ed\'ee\'e2\'ed\'fb\'f5 \'f1\'f0\'e5\'e4\'f1\'f2\'e2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43\qj \li0\ri0\no</w:t>
      </w:r>
      <w:r w:rsidRPr="00651F56">
        <w:rPr>
          <w:rFonts w:ascii="Courier New" w:hAnsi="Courier New" w:cs="Courier New"/>
        </w:rPr>
        <w:t>widctlpar\tx305\wrapdefault\aspalpha\aspnum\faauto\adjustright\rin0\lin0\itap0\pararsid11159111 {\rtlch\fcs1 \ai\af0\afs22 \ltrch\fcs0 \b\f0\fs22\insrsid11159111\charrsid11159111 \'ce\'e1\'e5\'f1\'ef\'e5\'f7\'e5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5: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\pard \ltrpar\s43\qj </w:t>
      </w:r>
      <w:r w:rsidRPr="00651F56">
        <w:rPr>
          <w:rFonts w:ascii="Courier New" w:hAnsi="Courier New" w:cs="Courier New"/>
        </w:rPr>
        <w:t>\li34\ri0\widctlpar\wrapdefault\aspalpha\aspnum\faauto\adjustright\rin0\lin34\itap0\pararsid11159111 {\rtlch\fcs1 \ai\af0\afs22 \ltrch\fcs0 \f0\fs22\insrsid11159111\charrsid11159111 \'ef\'ee\'f0\'f3\'f7\'e8\'f2\'e5\'eb\'fc\'f1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e \'f2\'f0\'e5\'f</w:t>
      </w:r>
      <w:r w:rsidRPr="00651F56">
        <w:rPr>
          <w:rFonts w:ascii="Courier New" w:hAnsi="Courier New" w:cs="Courier New"/>
        </w:rPr>
        <w:t xml:space="preserve">2\'fc\'e8\'f5 \'eb\'e8\'f6:}{\rtlch\fcs1 \af0\afs22 \ltrch\fcs0 \f0\fs22\insrsid11159111\charrsid11159111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11159111\charrsid11159111 \hich\af0\dbch\af0\loch\f0 -\tab}}</w:t>
      </w:r>
      <w:r w:rsidRPr="00651F56">
        <w:rPr>
          <w:rFonts w:ascii="Courier New" w:hAnsi="Courier New" w:cs="Courier New"/>
        </w:rPr>
        <w:t>\pard \ltrpar\s43\qj \fi-283\li317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x317\wrapdefault\aspalpha\aspnum\faauto\ls41\adjustright\rin0\lin317\itap0\pararsid11159111 {\rtlch\fcs1 \af0\afs22 \ltrch\fcs0 \f0\fs22\insrsid11159111\charrsid11159111 \'ce\'ce\'ce \'ab\'c4\'e0\'eb\'fc\</w:t>
      </w:r>
      <w:r w:rsidRPr="00651F56">
        <w:rPr>
          <w:rFonts w:ascii="Courier New" w:hAnsi="Courier New" w:cs="Courier New"/>
        </w:rPr>
        <w:t>'d0\'fb\'e1\'cf\'ee\'f0\'f2\'bb 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2537047582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43\qj \li0\ri0\widctlpar\tx317\wrapdefault\aspalpha\aspnum\faauto\adjustright\rin0\lin0\itap0\pararsid11159111 {\rtlch\fcs1 \af0\afs22 \ltrch\fcs0 \f0\fs22\insrsid11159111\c</w:t>
      </w:r>
      <w:r w:rsidRPr="00651F56">
        <w:rPr>
          <w:rFonts w:ascii="Courier New" w:hAnsi="Courier New" w:cs="Courier New"/>
        </w:rPr>
        <w:t>harrsid11159111 -    \'c0\'ce \'ab\'d2\'e5\'f0\'ec\'e8\'ed\'e0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c0\'f1\'f2\'e0\'f4\'fc\'e5\'e2\'e0\'bb (\'c8\'cd\'cd 2508001618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11159111\charrsid11159111 \hich</w:t>
      </w:r>
      <w:r w:rsidRPr="00651F56">
        <w:rPr>
          <w:rFonts w:ascii="Courier New" w:hAnsi="Courier New" w:cs="Courier New"/>
        </w:rPr>
        <w:t>\af0\dbch\af0\loch\f0 -\tab}}\pard \ltrpar\s43\qj \fi-283\li317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x317\wrapdefault\aspalpha\aspnum\faauto\ls41\adjustright\rin0\lin317\itap0\pararsid11159111 {\rtlch\fcs1 \af0\afs22 \ltrch\fcs0 \f0\fs22\insrsid11159111\charrsid11159111 \'d0\</w:t>
      </w:r>
      <w:r w:rsidRPr="00651F56">
        <w:rPr>
          <w:rFonts w:ascii="Courier New" w:hAnsi="Courier New" w:cs="Courier New"/>
        </w:rPr>
        <w:t>'fb\'e1\'ee\'eb\'ee\'e2\'e5\'f6\'ea\'e8\'e9 \'ea\'ee\'eb\'f5\'ee\'e7 \'ab\'c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d\'e8 \'c2\'ee\'f1\'f2\'ee\'ea\'e0\'bb (\'c8\'cd\'cd 2528004952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11159111\charrsi</w:t>
      </w:r>
      <w:r w:rsidRPr="00651F56">
        <w:rPr>
          <w:rFonts w:ascii="Courier New" w:hAnsi="Courier New" w:cs="Courier New"/>
        </w:rPr>
        <w:t>d11159111 \hich\af0\dbch\af0\loch\f0 -\tab}\'ce\'ce\'ce \'ab\'c0\'ea\'e2\'e0-\'d0\'e5\'f1\'f3\'f0\'f1\'fb\'bb (\'c8\'cd\'cd 253705259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11159111\charrsid11159111 \hich</w:t>
      </w:r>
      <w:r w:rsidRPr="00651F56">
        <w:rPr>
          <w:rFonts w:ascii="Courier New" w:hAnsi="Courier New" w:cs="Courier New"/>
        </w:rPr>
        <w:t>\af0\dbch\af0\loch\f0 -\tab}\'ce\'ce\'ce \'ab\'cc\'e0\'e3\'e8\'f1\'f2\'f0\'e0\'eb\'fc-\'c4\'c2\'bb (\'c8\'cd\'cd 254007789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11159111\charrsid11159111 \hich\af0\dbch\a</w:t>
      </w:r>
      <w:r w:rsidRPr="00651F56">
        <w:rPr>
          <w:rFonts w:ascii="Courier New" w:hAnsi="Courier New" w:cs="Courier New"/>
        </w:rPr>
        <w:t>f0\loch\f0 -\tab}\'ce\'ce\'ce \'ab\'c4\'e0\'eb\'fc\'ed\'e5\'e2\'ee\'f1\'f2\'ee\'f7\'ed\'e0\'ff \'f2\'f0\'e0\'ed\'f1\'ef\'ee\'f0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0\'ff \'ea\'ee\'ec\'ef\'e0\'ed\'e8\'ff\'bb (\'c8\'cd\'cd 253708931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</w:t>
      </w:r>
      <w:r w:rsidRPr="00651F56">
        <w:rPr>
          <w:rFonts w:ascii="Courier New" w:hAnsi="Courier New" w:cs="Courier New"/>
        </w:rPr>
        <w:t>\fcs1 \af0\afs22 \ltrch\fcs0 \fs22\insrsid11159111\charrsid11159111 \hich\af0\dbch\af0\loch\f0 -\tab}\'ce\'ce\'ce \'ab\'d2\'e8\'f5\'ee\'ee\'ea\'e5\'e0\'ed\'f1\'ea\'e8\'e9 \'e1\'e0\'eb\'ea\'e5\'f0\'ed\'fb\'e9 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0\'ec\'e8\'ed\'e0\'eb\'bb (\'c8\'cd</w:t>
      </w:r>
      <w:r w:rsidRPr="00651F56">
        <w:rPr>
          <w:rFonts w:ascii="Courier New" w:hAnsi="Courier New" w:cs="Courier New"/>
        </w:rPr>
        <w:t>\'cd 2537131611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{\listtext\pard\plain\ltrpar \s43 \rtlch\fcs1 \af0\afs22 \ltrch\fcs0 \fs22\insrsid11159111\charrsid11159111 \hich\af0\dbch\af0\loch\f0 -\tab}\'ce\'ce\'ce \'ab\'d2\'e5\'f0\'ec\'e8\'ed\'e0\'eb \'c0\'f1\'f2\'e0\'f4\'fc\'e5\'e2\'e0\'bb </w:t>
      </w:r>
      <w:r w:rsidRPr="00651F56">
        <w:rPr>
          <w:rFonts w:ascii="Courier New" w:hAnsi="Courier New" w:cs="Courier New"/>
        </w:rPr>
        <w:t>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2508129784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11159111\charrsid11159111 \hich\af0\dbch\af0\loch\f0 -\tab}\'ce\'ce\'ce \'ab\'c1\'e5\'f0\'e5\'e3\'e0 \'cf\'f0\'e8\'ec\'ee\'f0\'fc\'ff\'bb (</w:t>
      </w:r>
      <w:r w:rsidRPr="00651F56">
        <w:rPr>
          <w:rFonts w:ascii="Courier New" w:hAnsi="Courier New" w:cs="Courier New"/>
        </w:rPr>
        <w:t>\'c8\'cd\'cd 2537082386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11159111\charrsid11159111 \hich\af0\dbch\af0\loch\f0 -\tab}\'ce\'ce\'ce \'ab\'c0\'ea\'e2\'e0\'e8\'ed\'e4\'f3\'f1\'f2\'f0\'e8\'ff\'bb (\'c8\'cd</w:t>
      </w:r>
      <w:r w:rsidRPr="00651F56">
        <w:rPr>
          <w:rFonts w:ascii="Courier New" w:hAnsi="Courier New" w:cs="Courier New"/>
        </w:rPr>
        <w:t>\'cd 2537067613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4\qj \li0\ri0\nowidctlpar\wrapdefault\faauto\rin0\lin0\itap0\pararsid11159111 \rtlch\fcs1 \af1\afs24\alang1025 \ltrch\fcs0 \f1\fs24\cf1\lang1049\langfe1049\cgrid\langnp1049\langfenp1049 {\rtlch\fcs1 \af0\afs22</w:t>
      </w:r>
      <w:r w:rsidRPr="00651F56">
        <w:rPr>
          <w:rFonts w:ascii="Courier New" w:hAnsi="Courier New" w:cs="Courier New"/>
        </w:rPr>
        <w:t xml:space="preserve">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0\fs22\insrsid11159111\charrsid11159111 - \'ca\'ee\'ed\'e4\'f0\'e0\'f2\'ee\'e2 \'d0\'f3\'f1\'eb\'e0\'ed \'c2\'e8\'ea\'f2\'ee\'f0\'ee\'e2\'e8\'f7;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0\fs22\cf0\insrsid11159111\charrsid11159111 \'c</w:t>
      </w:r>
      <w:r w:rsidRPr="00651F56">
        <w:rPr>
          <w:rFonts w:ascii="Courier New" w:hAnsi="Courier New" w:cs="Courier New"/>
        </w:rPr>
        <w:t xml:space="preserve">2\'e8\'e4 \'ee\'f2\'e2\'e5\'f2\'f1\'f2\'e2\'e5\'ed\'ed\'ee\'f1\'f2\'e8 \'ef\'ee\'f0\'f3\'f7\'e8\'f2\'e5\'eb\'ff: \'f1\'ee\'eb\'e8\'e4\'e0\'f0\'ed\'e0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0\'e0\'e7\'ec\'e5\'f0 \'ee\'f2\'e2\'e5\'f2\'f1\'f2\'e2\'e5\'ed\'ed\'ee\'f1\'f2\'e8 \'ef\'ee\</w:t>
      </w:r>
      <w:r w:rsidRPr="00651F56">
        <w:rPr>
          <w:rFonts w:ascii="Courier New" w:hAnsi="Courier New" w:cs="Courier New"/>
        </w:rPr>
        <w:t>'f0\'f3\'f7\'e8\'f2\'e5\'eb\'ff: \'ed\'e0 \'e2\'f1\'fe \'f1\'f3\'ec\'ec\'f3 \'ee\'e1\'ff\'e7\'e0\'f2\'e5\'eb\'fc\'f1\'f2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widctlpar\tx350\wrapdefault\aspalpha\aspnum\faauto\adjustright\rin0\lin0\itap0\pararsid</w:t>
      </w:r>
      <w:r w:rsidRPr="00651F56">
        <w:rPr>
          <w:rFonts w:ascii="Courier New" w:hAnsi="Courier New" w:cs="Courier New"/>
        </w:rPr>
        <w:t xml:space="preserve">11159111 \rtlch\fcs1 \af0\afs24\alang1025 \ltrch\fcs0 \f1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0\fs22\insrsid11159111\charrsid11159111 \'c7\'e0\'eb\'ee\'e3 \'e4\'e2\'e8\'e6\'e8\'ec\'ee\'e3\'ee \'e8\</w:t>
      </w:r>
      <w:r w:rsidRPr="00651F56">
        <w:rPr>
          <w:rFonts w:ascii="Courier New" w:hAnsi="Courier New" w:cs="Courier New"/>
        </w:rPr>
        <w:t>'ec\'f3\'f9\'e5\'f1\'f2\'e2\'e0 (\'f1\'ef\'e5\'f6\'f2\'e5\'f5\'ed\'e8\'ea\'e8), \'ef\'f0\'e8\'ed\'e0\'e4\'eb\'e5\'e6\'e0\'f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3\'ee \'c0\'ce \'ab\'d2\'e5\'f0\'ec\'e8\'ed\'e0\'eb \'c0\'f1\'f2\'e0\'f4\'fc\'e5\'e2\'e0\'bb \'e2 \'f1\'ee\'ee\'f2\'e2\'e5\</w:t>
      </w:r>
      <w:r w:rsidRPr="00651F56">
        <w:rPr>
          <w:rFonts w:ascii="Courier New" w:hAnsi="Courier New" w:cs="Courier New"/>
        </w:rPr>
        <w:t>'f2\'f1\'f2\'e2\'e8\'e8 \'f1 \'e4\'ee\'e3\'ee\'e2\'ee\'f0\'ee\'ec \'ee \'e7\'e0\'eb\'ee\'e3\'e5, \'ea\'ee\'f2\'ee\'f0\'fb\'e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ef\'ee\'e4\'eb\'e5\'e6\'e8\'f2 \'e7\'e0\'ea\'eb\'fe\'f7\'e5\'ed\'e8\'fe \'ec\'e5\'e6\'e4\'f3 \'ca\'f0\'e5\'e4\'e8\'f2\'ee\'f0\</w:t>
      </w:r>
      <w:r w:rsidRPr="00651F56">
        <w:rPr>
          <w:rFonts w:ascii="Courier New" w:hAnsi="Courier New" w:cs="Courier New"/>
        </w:rPr>
        <w:t>'ee\'ec \'e8 \'c7\'e0\'e5\'ec\'f9\'e8\'ea\'ee\'ec \'ef\'ee \'f4\'ee\'f0\'ec\'e5, \'ef\'f0\'e5\'e4\'eb\'ee\'e6\'e5\'ed\'ed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9 \'ca\'f0\'e5\'e4\'e8\'f2\'ee\'f0\'ee\'ec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tqc\tx4677\tqr\tx9355\wrapdefault</w:t>
      </w:r>
      <w:r w:rsidRPr="00651F56">
        <w:rPr>
          <w:rFonts w:ascii="Courier New" w:hAnsi="Courier New" w:cs="Courier New"/>
        </w:rPr>
        <w:t>\aspalpha\aspnum\faauto\adjustright\rin0\lin0\itap0\pararsid11159111 \rtlch\fcs1 \af0\afs20\alang1025 \ltrch\fcs0 \fs20\lang1049\langfe1049\cgrid\langn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b\af0\afs22 \ltrch\fcs0 \b\fs22\insrsid11159111\charrsid11159111 \'cf</w:t>
      </w:r>
      <w:r w:rsidRPr="00651F56">
        <w:rPr>
          <w:rFonts w:ascii="Courier New" w:hAnsi="Courier New" w:cs="Courier New"/>
        </w:rPr>
        <w:t>\'f0\'ee\'f6\'e5\'ed\'f2\'ed\'e0\'ff \'f1\'f2\'e0\'e2\'ea\'e0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4\qj \li0\ri0\nowidctlpar\wrapdefault\faauto\rin0\lin0\itap0\pararsid11159111 \rtlch\fcs1 \af1\afs24\alang1025 \ltrch\fcs0 \f1\fs24\cf1\lang1049\langfe1049\cgrid\la</w:t>
      </w:r>
      <w:r w:rsidRPr="00651F56">
        <w:rPr>
          <w:rFonts w:ascii="Courier New" w:hAnsi="Courier New" w:cs="Courier New"/>
        </w:rPr>
        <w:t xml:space="preserve">ngnp1049\langfenp1049 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cf0\lang1049\langfe1033\loch\af0\hich\af0\dbch\af39\langfenp1033\insrsid11159111\charrsid11159111 \loch\af0\dbch\af39\hich\f0 \'c8\'ed\'e4\'e8\'e2\'e8\'e4\'f3\'e0\'eb\'fc\'ed\'e0\'ff\loch\f0</w:t>
      </w:r>
      <w:r w:rsidRPr="00651F56">
        <w:rPr>
          <w:rFonts w:ascii="Courier New" w:hAnsi="Courier New" w:cs="Courier New"/>
        </w:rPr>
        <w:t xml:space="preserve"> \hich\f0  \'ef\'eb\'e0\'e2\'e0\'fe\'f9\'e0\'ff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f\'f0\'ee\'f6\'e5\'ed\'f2\'ed\'e0\'ff\loch\f0 \hich\f0  \'f1\'f2\'e0\'e2\'ea\'e0\loch\f0 \hich\f0  \'ed\'e0\loch\f0 \hich\f0  \'e1\'e0\'e7\'e5\loch\f0 \hich\f0  \'ea\'eb}{\rtlch\fcs1 \a</w:t>
      </w:r>
      <w:r w:rsidRPr="00651F56">
        <w:rPr>
          <w:rFonts w:ascii="Courier New" w:hAnsi="Courier New" w:cs="Courier New"/>
        </w:rPr>
        <w:t xml:space="preserve">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s22\cf0\lang1049\langfe1033\loch\af0\hich\af0\dbch\af39\langfenp1033\insrsid11159111\charrsid11159111\hres1\chhres0 \loch\af0\dbch\af39\hich\f0 \'fe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cf0\lang1049\langfe1033\loch\af0\hich\</w:t>
      </w:r>
      <w:r w:rsidRPr="00651F56">
        <w:rPr>
          <w:rFonts w:ascii="Courier New" w:hAnsi="Courier New" w:cs="Courier New"/>
        </w:rPr>
        <w:t xml:space="preserve">af0\dbch\af39\langfenp1033\insrsid11159111\charrsid11159111 \loch\af0\dbch\af39\hich\f0 \'f7\'e5\'e2\'ee\'e9\loch\f0 \hich\f0  \'f1\'f2\'e0\'e2\'ea\'e8\loch\f0 \hich\f0  \'c1\'e0\'ed\'ea\'e0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d0\'ee\'f1\'f1\'e8\'e8\loch\f0 \hich\f0 , \</w:t>
      </w:r>
      <w:r w:rsidRPr="00651F56">
        <w:rPr>
          <w:rFonts w:ascii="Courier New" w:hAnsi="Courier New" w:cs="Courier New"/>
        </w:rPr>
        <w:t>'f3\'f2\'e2\'e5\'f0\'e6\'e4\'e5\'ed\'ed\'e0\'ff\loch\f0 \hich\f0  \'e2\loch\f0 \hich\f0  \'f1\'ee\'ee\'f2\'e2\'e5\'f2\'f1\'f2\'e2\'e8\'e8\loch\f0 \hich\f0  \'f1\loch\f0 \hich\f0  \'f3\'f1\'f2\'e0\'ed\'ee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s22\cf0\lang</w:t>
      </w:r>
      <w:r w:rsidRPr="00651F56">
        <w:rPr>
          <w:rFonts w:ascii="Courier New" w:hAnsi="Courier New" w:cs="Courier New"/>
        </w:rPr>
        <w:t xml:space="preserve">1049\langfe1033\loch\af0\hich\af0\dbch\af39\langfenp1033\insrsid11159111\charrsid11159111\hres1\chhres0 \loch\af0\dbch\af39\hich\f0 \'e2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cf0\lang1049\langfe1033\loch\af0\hich\af0\dbch\af39\langfenp1033\insrsid111</w:t>
      </w:r>
      <w:r w:rsidRPr="00651F56">
        <w:rPr>
          <w:rFonts w:ascii="Courier New" w:hAnsi="Courier New" w:cs="Courier New"/>
        </w:rPr>
        <w:t>59111\charrsid11159111 \loch\af0\dbch\af39\hich\f0 \'eb\'e5\'ed\'ed\'fb\'ec\loch\f0 \hich\f0  \'e2\loch\f0 \hich\f0  \'c1\'e0\'ed\'ea\'e5\loch\f0 \hich\f0  \'ef\'ee\'f0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a\'ee\'ec\loch\f0 \hich\f0 , \'ee\'ef\'f0\'e5\'e4\'e5\'eb\loch\af0\dbch\af3</w:t>
      </w:r>
      <w:r w:rsidRPr="00651F56">
        <w:rPr>
          <w:rFonts w:ascii="Courier New" w:hAnsi="Courier New" w:cs="Courier New"/>
        </w:rPr>
        <w:t>9\hich\f0 \'ff\'e5\'f2\'f1\'ff\loch\f0 \hich\f0  \'ea\'e0\'ea}{\rtlch\fcs1 \af0\afs22 \ltrch\fcs0 \i\f0\fs22\cf0\insrsid11159111\charrsid11159111  \'ca\'eb\'fe\'f7\'e5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ff \'f1\'f2\'e0\'e2\'ea\'e0 \'c1\'e0\'ed\'ea\'e0 \'d0\'ee\'f1\'f1\'e8\'e8, \'</w:t>
      </w:r>
      <w:r w:rsidRPr="00651F56">
        <w:rPr>
          <w:rFonts w:ascii="Courier New" w:hAnsi="Courier New" w:cs="Courier New"/>
        </w:rPr>
        <w:t xml:space="preserve">f3\'e2\'e5\'eb\'e8\'f7\'e5\'ed\'ed\'e0\'ff \'ed\'e0  2,74  \'ef\'f0\'ee\'f6\'e5\'ed\'f2\'e0 \'e3\'ee\'e4\'ee\'e2\'fb\'f5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0\fs22\cf0\insrsid11159111\charrsid11159111 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6\ql \li0\ri0\widctl</w:t>
      </w:r>
      <w:r w:rsidRPr="00651F56">
        <w:rPr>
          <w:rFonts w:ascii="Courier New" w:hAnsi="Courier New" w:cs="Courier New"/>
        </w:rPr>
        <w:t>par\tqc\tx4153\tqr\tx8306\wrapdefault\aspalpha\aspnum\faauto\adjustright\rin0\lin0\itap0\pararsid11159111 \rtlch\fcs1 \af0\afs20\alang1025 \ltrch\fcs0 \fs20\lang1049\langfe1049\cgrid\langn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s22\insrs</w:t>
      </w:r>
      <w:r w:rsidRPr="00651F56">
        <w:rPr>
          <w:rFonts w:ascii="Courier New" w:hAnsi="Courier New" w:cs="Courier New"/>
        </w:rPr>
        <w:t>id11159111\charrsid11159111 \'c7\'ed\'e0\'f7\'e5\'ed\'e8\'e5 \'ea\'eb\'fe\'f7\'e5\'e2\'ee\'e9 \'f1\'f2\'e0\'e2\'ea\'e8 \'c1\'e0\'ed\'ea\'e0 \'d0\'ee\'f1\'f1\'e8\'e8 \'ee\'ef\'f0\'e5\'e4\'e5\'eb\'ff\'e5\'f2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 \'ed\'e0 \'ee\'f1\'ed\'ee\'e2\'e0\'ed\'e</w:t>
      </w:r>
      <w:r w:rsidRPr="00651F56">
        <w:rPr>
          <w:rFonts w:ascii="Courier New" w:hAnsi="Courier New" w:cs="Courier New"/>
        </w:rPr>
        <w:t>8\'e8 \'e8\'ed\'f4\'ee\'f0\'ec\'e0\'f6\'e8\'e8, \'f0\'e0\'e7\'ec\'e5\'f9\'e5\'ed\'ed\'ee\'e9 \'ed\'e0 \'ee\'f4\'e8\'f6\'e8\'e0\'eb\'fc\'ed\'ee\'ec \'f1\'e0\'e9\'f2\'e5 \'c1\'e0\'ed\'ea\'e0 \'d0\'ee\'f1\'f1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 \'e2 \'f1\'e5\'f2\'e8 \'c8\'ed\'f2\'e5\'</w:t>
      </w:r>
      <w:r w:rsidRPr="00651F56">
        <w:rPr>
          <w:rFonts w:ascii="Courier New" w:hAnsi="Courier New" w:cs="Courier New"/>
        </w:rPr>
        <w:t>f0\'ed\'e5\'f2 (\'ed\'e0 \'f1\'e0\'e9\'f2\'e5 www.cbr.ru \'e8\'eb\'e8 \'e8\'ed\'ee\'ec \'ee\'f4\'e8\'f6\'e8\'e0\'eb\'fc\'ed\'ee\'ec \'f1\'e0\'e9\'f2\'e5 \'c1\'e0\'ed\'ea\'e0 \'d0\'ee\'f1\'f1\'e8\'e8 \'e2 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3\'f7\'e0\'e5 \'e5\'e3\'ee \'e8\'e7\'ec</w:t>
      </w:r>
      <w:r w:rsidRPr="00651F56">
        <w:rPr>
          <w:rFonts w:ascii="Courier New" w:hAnsi="Courier New" w:cs="Courier New"/>
        </w:rPr>
        <w:t>\'e5\'ed\'e5\'ed\'e8\'ff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widctlpar\tx317\wrapdefault\aspalpha\aspnum\faauto\adjustright\rin0\lin0\itap0\pararsid11159111 \rtlch\fcs1 \af0\afs24\alang1025 \ltrch\fcs0 \f1\fs20\lang1049\langfe1049\cgrid\langnp1049</w:t>
      </w:r>
      <w:r w:rsidRPr="00651F56">
        <w:rPr>
          <w:rFonts w:ascii="Courier New" w:hAnsi="Courier New" w:cs="Courier New"/>
        </w:rPr>
        <w:t xml:space="preserve">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0\fs22\insrsid11159111\charrsid11159111 \'cf\'e5\'f0\'e5\'f1\'ec\'ee\'f2\'f0 \'ea\'eb\'fe\'f7\'e5\'e2\'ee\'e9 \'f1\'f2\'e0\'e2\'ea\'e8 \'c1\'e0\'ed\'ea\'e0 \'d0\'ee\'f1\'f1\'e8\'e8 \'ee\'f1\'f3\'f9\'e5\</w:t>
      </w:r>
      <w:r w:rsidRPr="00651F56">
        <w:rPr>
          <w:rFonts w:ascii="Courier New" w:hAnsi="Courier New" w:cs="Courier New"/>
        </w:rPr>
        <w:t>'f1\'f2\'e2\'eb\'ff\'e5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f \'ed\'e0 \'e5\'e6\'e5\'e4\'ed\'e5\'e2\'ed\'ee\'e9 \'ee\'f1\'ed\'ee\'e2\'e5. \'cf\'f0\'e8 \'e8\'e7\'ec\'e5\'ed\'e5\'ed\'e8\'e8 \'ea\'eb\'fe\'f7\'e5\'e2\'ee\'e9 \'f1\'f2\'e0\'e2\'ea\'e8 \'c1\'e0\'ed\'ea\'e0 \'d0\'ee\'f1\</w:t>
      </w:r>
      <w:r w:rsidRPr="00651F56">
        <w:rPr>
          <w:rFonts w:ascii="Courier New" w:hAnsi="Courier New" w:cs="Courier New"/>
        </w:rPr>
        <w:t>'f1\'e8\'e8 \'ef\'f0\'ee\'f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f2\'ed\'e0\'ff \'f1\'f2\'e0\'e2\'ea\'e0 \'ef\'ee \'ca\'f0\'e5\'e4\'e8\'f2\'ed\'ee\'e9 \'eb\'e8\'ed\'e8\'e8 \'f1\'f7\'e8\'f2\'e0\'e5\'f2\'f1\'ff \'e8\'e7\'ec\'e5\'ed\'e5\'ed\'ed\'ee\'e9 \'e2 \'e4\'e0\'f2\'f3, \'f1 \'e</w:t>
      </w:r>
      <w:r w:rsidRPr="00651F56">
        <w:rPr>
          <w:rFonts w:ascii="Courier New" w:hAnsi="Courier New" w:cs="Courier New"/>
        </w:rPr>
        <w:t xml:space="preserve">a\'ee\'f2\'ee\'f0\'ee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'f1\'f2\'e0\'ed\'e0\'e2\'eb\'e8\'e2\'e0\'e5\'f2\'f1\'ff \'ed\'ee\'e2\'ee\'e5 \'e7\'ed\'e0\'f7\'e5\'ed\'e8\'e5 \'ea\'eb\'fe\'f7\'e5\'e2\'ee\'e9 \'f1\'f2\'e0\'e2\'ea\'e8 \'c1\'e0\'ed\'ea\'e0 \'d0\'ee\'f1\'f1\'e8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</w:t>
      </w:r>
      <w:r w:rsidRPr="00651F56">
        <w:rPr>
          <w:rFonts w:ascii="Courier New" w:hAnsi="Courier New" w:cs="Courier New"/>
        </w:rPr>
        <w:t>\rtlch\fcs1 \ab\af0\afs22 \ltrch\fcs0 \f0\fs22\insrsid11159111\charrsid11159111 \'ca\'f0\'e5\'e4\'e8\'f2\'ee\'f0 \'e2\'ef\'f0\'e0\'e2\'e5 \'e2 \'ee\'e4\'ed\'ee\'f1\'f2\'ee\'f0\'ee\'ed\'ed\'e5\'ec \'ef\'ee\'f0\'ff\'e4\'ea\'e5 \'f3\'e2\'e5\'eb\'e8\'f7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</w:t>
      </w:r>
      <w:r w:rsidRPr="00651F56">
        <w:rPr>
          <w:rFonts w:ascii="Courier New" w:hAnsi="Courier New" w:cs="Courier New"/>
        </w:rPr>
        <w:t>'f2\'fc \'f0\'e0\'e7\'ec\'e5\'f0 \'ef\'f0\'ee\'f6\'e5\'ed\'f2\'ed\'ee\'e9 \'f1\'f2\'e0\'e2\'ea\'e8 \'ef\'ee \'ca\'f0\'e5\'e4\'e8\'f2\'f3 \'e7\'e0 \'ef\'ee\'e4\'e4\'e5\'f0\'e6\'e0\'ed\'e8\'e5 \'ea\'f0\'e5\'e4\'e8\'f2\'ee\'e2\'fb\'f5/\'e4\'e5\'e1\'e5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</w:t>
      </w:r>
      <w:r w:rsidRPr="00651F56">
        <w:rPr>
          <w:rFonts w:ascii="Courier New" w:hAnsi="Courier New" w:cs="Courier New"/>
        </w:rPr>
        <w:t>ee\'e2\'fb\'f5 \'ee\'e1\'ee\'f0\'ee\'f2\'ee\'e2 \'ec\'e5\'ed\'e5\'e5 \'f3\'f1\'f2\'e0\'ed\'ee\'e2\'eb\'e5\'ed\'ed\'ee\'e3\'ee \'f0\'e0\'e7\'ec\'e5\'f0\'e0: \'ed\'e0 1 % \'e3\'ee\'e4\'ee\'e2\'fb\'f5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tx252\tq</w:t>
      </w:r>
      <w:r w:rsidRPr="00651F56">
        <w:rPr>
          <w:rFonts w:ascii="Courier New" w:hAnsi="Courier New" w:cs="Courier New"/>
        </w:rPr>
        <w:t>c\tx4677\tqr\tx9355\wrapdefault\aspalpha\aspnum\faauto\adjustright\rin0\lin0\itap0\pararsid11159111 \rtlch\fcs1 \af0\afs20\alang1025 \ltrch\fcs0 \fs20\lang1049\langfe1049\cgrid\langn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s22\lang1049\la</w:t>
      </w:r>
      <w:r w:rsidRPr="00651F56">
        <w:rPr>
          <w:rFonts w:ascii="Courier New" w:hAnsi="Courier New" w:cs="Courier New"/>
        </w:rPr>
        <w:t>ngfe1033\dbch\af39\langfenp1033\insrsid11159111\charrsid11159111 \loch\af0\dbch\af39\hich\f0 \'c2\loch\f0 \hich\f0  \'f1\'eb\'f3\'f7\'e0\'e5\loch\f0 \hich\f0  \'e2\'ee\'e7\'ed\'e8\'ea\'ed\'ee\'e2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f\loch\f0 \hich\f0  \'ee\'f1\'ed\'ee\loch\af</w:t>
      </w:r>
      <w:r w:rsidRPr="00651F56">
        <w:rPr>
          <w:rFonts w:ascii="Courier New" w:hAnsi="Courier New" w:cs="Courier New"/>
        </w:rPr>
        <w:t>0\dbch\af39\hich\f0 \'e2\'e0\'ed\'e8\'ff\loch\f0 \hich\f0  \'e4\'eb\'ff\loch\f0 \hich\f0  \'ef\'f0\'e8\'ec\'e5\'ed\'e5\'ed\'e8\'ff\loch\f0 \hich\f0  \'ed\'e0\'e4\'e1\'e0\'e2\'ea\'e8\loch\f0 \hich\f0 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d\'ee\'e2\'f0\'e5\'ec\'e5\'ed\'ed\'ee\loch\</w:t>
      </w:r>
      <w:r w:rsidRPr="00651F56">
        <w:rPr>
          <w:rFonts w:ascii="Courier New" w:hAnsi="Courier New" w:cs="Courier New"/>
        </w:rPr>
        <w:t>f0 \hich\f0  \'e7\'e0\loch\f0 \hich\f0  \'ed\'e5\'e2\'fb\'ef\'ee\'eb\'ed\'e5\'ed\'e8\'e5\loch\f0 \hich\f0  \'ea\'f0\'e5\'e4\'e8\'f2\'ee\'e2\'fb\'f5\loch\f0 \hich\f0  \'ee\'e1\'ee\'f0\'ee\'f2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8\loch\f0 \hich\f0  \'e4\'e5\'e1\'</w:t>
      </w:r>
      <w:r w:rsidRPr="00651F56">
        <w:rPr>
          <w:rFonts w:ascii="Courier New" w:hAnsi="Courier New" w:cs="Courier New"/>
        </w:rPr>
        <w:t>e5\'f2\'ee\'e2\'fb\'f5\loch\f0 \hich\f0  \'ee\'e1\'ee\'f0\'ee\'f2\'ee\'e2\loch\f0 \hich\f0 , \'ed\'e0\'e4\'e1\'e0\'e2\'ea\'e0\loch\f0 \hich\f0  \'ec\'ee\'e6\'e5\'f2\loch\f0 \hich\f0  \'e1\'fb\'f2\'f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f\'f0\'e8\'ec\'e5\'ed\'e5\'ed\'e0</w:t>
      </w:r>
      <w:r w:rsidRPr="00651F56">
        <w:rPr>
          <w:rFonts w:ascii="Courier New" w:hAnsi="Courier New" w:cs="Courier New"/>
        </w:rPr>
        <w:t>\loch\f0 \hich\f0  \'f2\'ee\'eb\'fc\'ea\'ee\loch\f0 \hich\f0  \'ef\'ee\loch\f0 \hich\f0  \'ee\'e4\'ed\'ee\'ec\'f3\loch\f0 \hich\f0  \'e8\'e7\loch\f0 \hich\f0  \'ee\'f1\'ed\'ee\'e2\'e0\'ed\'e8\'e9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nowidctlpar\tqc\tx4677\t</w:t>
      </w:r>
      <w:r w:rsidRPr="00651F56">
        <w:rPr>
          <w:rFonts w:ascii="Courier New" w:hAnsi="Courier New" w:cs="Courier New"/>
        </w:rPr>
        <w:t xml:space="preserve">qr\tx9355\wrapdefault\aspalpha\aspnum\faauto\adjustright\rin0\lin0\itap0\pararsid11159111 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lang1049\langfe1033\dbch\af39\langfenp1033\insrsid11159111\charrsid11159111 \loch\af0\dbch\af39\hich\f0 \'cf\'f0\'e8\loch\</w:t>
      </w:r>
      <w:r w:rsidRPr="00651F56">
        <w:rPr>
          <w:rFonts w:ascii="Courier New" w:hAnsi="Courier New" w:cs="Courier New"/>
        </w:rPr>
        <w:t>f0 \hich\f0  \'e8\'e7\'ec\'e5\'ed\'e5\'ed\'e8\'e8\loch\f0 \hich\f0  \'c1\'e0\'ed\'ea\'ee\'ec\loch\f0 \hich\f0  \'f0\'e0\'e7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0\'e0\loch\f0 \hich\f0  \'ef\'f0\'ee\'f6\'e5\'ed\'f2\'ed\'ee\'e9\loch\f0 \hich\f0  \'f1\'f2\'e0\'e2\'ea\'e8\loch\f0 \hic</w:t>
      </w:r>
      <w:r w:rsidRPr="00651F56">
        <w:rPr>
          <w:rFonts w:ascii="Courier New" w:hAnsi="Courier New" w:cs="Courier New"/>
        </w:rPr>
        <w:t>h\f0  \'e2\loch\f0 \hich\f0  \'ee\'e4\'ed\'ee\'f1\'f2\'ee\'f0\'ee\'ed\'ed\'e5\'ec\loch\f0 \hich\f0  \'ef\'ee\'f0\'ff\'e4\'ea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, \'c1\'e0\'ed\'ea\loch\f0 \hich\f0  \'ed\'e0\'ef\'f0\'e0\'e2\'eb\'ff\'e5\'f2\loch\f0 \hich\f0  \'c7\'e0\'e5</w:t>
      </w:r>
      <w:r w:rsidRPr="00651F56">
        <w:rPr>
          <w:rFonts w:ascii="Courier New" w:hAnsi="Courier New" w:cs="Courier New"/>
        </w:rPr>
        <w:t xml:space="preserve">\'ec\'f9\loch\af0\dbch\af39\hich\f0 \'e8\'ea\'f3\loch\f0 \hich\f0  \'ef\'e8\'f1\'fc\'ec\'e5\'ed\'ed\'ee\'e5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'e2\'e5\'e4\'ee\'ec\'eb\'e5\'ed\'e8\'e5\loch\f0 \hich\f0  \'e2\loch\f0 \hich\f0  \'ef\'f0\'ee\'e8\'e7\'e2\'ee\'eb\'fc\'ed\'</w:t>
      </w:r>
      <w:r w:rsidRPr="00651F56">
        <w:rPr>
          <w:rFonts w:ascii="Courier New" w:hAnsi="Courier New" w:cs="Courier New"/>
        </w:rPr>
        <w:t>ee\'e9\loch\f0 \hich\f0  \'f4\'ee\'f0\'ec\'e5\loch\f0 \hich\f0  \'ee\'e1\loch\f0 \hich\f0  \'e8\'e7\'ec\'e5\'ed\'e5\'ed\'e8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f\'f0\'ee\'f6\'e5\'ed\'f2\'ed\'ee\'e9\loch\f0 \hich\f0  \'f1\'f2\'e0\'e2\'ea\'e8\loch\f0 \hich\f0  \'f1\l</w:t>
      </w:r>
      <w:r w:rsidRPr="00651F56">
        <w:rPr>
          <w:rFonts w:ascii="Courier New" w:hAnsi="Courier New" w:cs="Courier New"/>
        </w:rPr>
        <w:t>och\f0 \hich\f0  \'ed\'e0\'f0\'ee\'f7\'ed\'fb\'ec\loch\f0 \hich\f0  \'e8\'eb\'e8\loch\f0 \hich\f0  \'e7\'e0\'ea\'e0\'e7\'ed\'f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loch\f0 \hich\f0  \'ef\'ee\'f7\'f2\'ee\'e2\'fb\'ec\loch\f0 \hich\f0  \'ee\'f2\'ef\'f0\'e0\'e2\'eb\'e5\'ed\'e8\'e5\'ec\loch</w:t>
      </w:r>
      <w:r w:rsidRPr="00651F56">
        <w:rPr>
          <w:rFonts w:ascii="Courier New" w:hAnsi="Courier New" w:cs="Courier New"/>
        </w:rPr>
        <w:t xml:space="preserve">\f0 \hich\f0  \'f1\loch\f0 \hich\f0  \'ee\'ef\'e8\'f1\'fc\'fe\loch\f0 \hich\f0  \'e2\'eb\'ee\'e6\'e5\'ed\'e8\'ff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8\loch\f0 \hich\f0  \'f3\'e2\'e5\'e4\'ee\'ec\'eb\'e5\'ed\'e8\'e5\'ec\loch\f0 \hich\f0  \'ee\loch\f0 \hich\f0  \'e2\'f0\'</w:t>
      </w:r>
      <w:r w:rsidRPr="00651F56">
        <w:rPr>
          <w:rFonts w:ascii="Courier New" w:hAnsi="Courier New" w:cs="Courier New"/>
        </w:rPr>
        <w:t>f3\'f7\'e5\'ed\'e8\'e8\loch\f0 \hich\f0 . \'d3\'e2\'e5\'e4\'ee\'ec\'eb\'e5\'ed\'e8\'e5\loch\f0 \hich\f0  \'f1\'f7\'e8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5\'f2\'f1\'ff\loch\f0 \hich\f0  \'ed\'e0\'ef\'f0\'e0\'e2\'eb\'e5\'ed\'ed\'fb\'ec\loch\f0 \hich\f0  \'e2\loch\f0 \hich\f0  \'ec</w:t>
      </w:r>
      <w:r w:rsidRPr="00651F56">
        <w:rPr>
          <w:rFonts w:ascii="Courier New" w:hAnsi="Courier New" w:cs="Courier New"/>
        </w:rPr>
        <w:t>\'ee\'ec\'e5\'ed\'f2\loch\f0 \hich\f0  \'e2\'f0\'f3\'f7\'e5\'ed\'e8\'ff\loch\f0 \hich\f0  \'c7\'e0\'e5\'ec\'f9\'e8\'ea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, \'e5\'f1\'eb\'e8\loch\f0 \hich\f0  \'ee\'ed\'ee\loch\f0 \hich\f0  \'ed\'e0\'ef\'f0\'e0\'e2\'eb\'e5\'ed\'ee\loch\</w:t>
      </w:r>
      <w:r w:rsidRPr="00651F56">
        <w:rPr>
          <w:rFonts w:ascii="Courier New" w:hAnsi="Courier New" w:cs="Courier New"/>
        </w:rPr>
        <w:t>f0 \hich\f0  \'f1\loch\f0  \loch\af0\dbch\af39\hich\f0 \'ed\loch\af0\dbch\af39\hich\f0 \'e0\'f0\'ee\'f7\'ed\'fb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, \'e8\'eb\'e8\loch\f0 \hich\f0  \'e2\loch\f0 \hich\f0  \'ec\'ee\'ec\'e5\'ed\'f2\loch\f0 \hich\f0  \'f1\'e4\'e0\'f7\'e8\l</w:t>
      </w:r>
      <w:r w:rsidRPr="00651F56">
        <w:rPr>
          <w:rFonts w:ascii="Courier New" w:hAnsi="Courier New" w:cs="Courier New"/>
        </w:rPr>
        <w:t>och\f0 \hich\f0  \'e5\'e3\'ee\loch\f0 \hich\f0  \'e2\loch\f0 \hich\f0  \'ee\'f0\'e3\'e0\'ed\'e8\'e7\'e0\'f6\'e8\'f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f1\'e2\'ff\'e7\'e8\loch\f0 \hich\f0 , \'e5\'f1\'eb\'e8\loch\f0 \hich\f0  \'ee\'ed\'ee\loch\f0 \hich\f0  \'ed\'e0\'ef\'</w:t>
      </w:r>
      <w:r w:rsidRPr="00651F56">
        <w:rPr>
          <w:rFonts w:ascii="Courier New" w:hAnsi="Courier New" w:cs="Courier New"/>
        </w:rPr>
        <w:t>f0\'e0\'e2\'eb\'e5\'ed\'ee\loch\f0 \hich\f0  \'c7\'e0\'e5\'ec\'f9\'e8\'ea\'f3\loch\f0 \hich\f0  \'e7\'e0\'ea\'e0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fb\'ec\loch\f0 \hich\f0  \'ef\'ee\'f7\'f2\'ee\'e2\'fb\'ec\loch\f0 \hich\f0  \'ee\'f2\'ef\'f0\'e0\'e2\'eb\'e5\'ed\'e8\'e5\'ec\loch\f0</w:t>
      </w:r>
      <w:r w:rsidRPr="00651F56">
        <w:rPr>
          <w:rFonts w:ascii="Courier New" w:hAnsi="Courier New" w:cs="Courier New"/>
        </w:rPr>
        <w:t xml:space="preserve"> \hich\f0  \'f1\loch\f0 \hich\f0  \'ee\'ef\'e8\'f1\'fc\'fe\loch\f0 \hich\f0  \'e2\'eb\'ee\'e6\'e5\'ed\'e8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8\loch\f0 \hich\f0  \'f3\'e2\'e5\'e4\'ee\'ec\'eb\'e5\'ed\'e8\'e5\'ec\loch\f0 \hich\f0  \'ee\loch\f0 \hich\f0  \'e2\'f0\'f3\</w:t>
      </w:r>
      <w:r w:rsidRPr="00651F56">
        <w:rPr>
          <w:rFonts w:ascii="Courier New" w:hAnsi="Courier New" w:cs="Courier New"/>
        </w:rPr>
        <w:t>'f7\'e5\'ed\'e8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hich\af0\dbch\af39\loch\f0    \loch\af0\dbch\af39\hich\f0 \'c8\'e7\'ec\'e5\'ed\'e5\'ed\'ed\'e0\'ff\loch\f0 \hich\f0  \'ef\'f0\'ee\'f6\'e5\'ed\'f2\'ed\'e0\'ff\loch\f0 \hich\f0  \'f1\'f2\'e0\'e2\'ea\'e0\loch\f0 \hich\f0  \'ed\'e0\</w:t>
      </w:r>
      <w:r w:rsidRPr="00651F56">
        <w:rPr>
          <w:rFonts w:ascii="Courier New" w:hAnsi="Courier New" w:cs="Courier New"/>
        </w:rPr>
        <w:t>'f7\'e8\'ed\'e0\'e5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4\'e5\'e9\'f1\'f2\'e2\'ee\'e2\'e0\'f2\'fc\loch\f0 \hich\f0  \'f1\loch\f0 \hich\f0  1-\'e3\'ee\loch\f0 \hich\f0  \'f7\'e8\'f1\'eb\'e0\loch\f0 \hich\f0  \'ec\'e5\'f1\'ff\'f6\'e0\loch\f0 \hich\f0  \'f1\'eb\'e5\'e</w:t>
      </w:r>
      <w:r w:rsidRPr="00651F56">
        <w:rPr>
          <w:rFonts w:ascii="Courier New" w:hAnsi="Courier New" w:cs="Courier New"/>
        </w:rPr>
        <w:t>4\'f3\'fe\'f9\'e5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loch\f0 \hich\f0  \'e7\'e0\loch\f0 \hich\f0  \'ec\'e5\'f1\'ff\'f6\'e5\'ec\loch\f0 \hich\f0  \'e2\loch\f0  \loch\af0\dbch\af39\hich\f0 \'ea\'ee\'f2\'ee\'f0\'ee\'ec\loch\f0 \hich\f0  \'c7\'e0\'e5\'ec\'f9\'e8\'ea\'f3\loch\f0 \hich\</w:t>
      </w:r>
      <w:r w:rsidRPr="00651F56">
        <w:rPr>
          <w:rFonts w:ascii="Courier New" w:hAnsi="Courier New" w:cs="Courier New"/>
        </w:rPr>
        <w:t>f0  \'e1\'fb\'eb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d\'e0\'ef\'f0\'e0\'e2\'eb\'e5\'ed\'ee\loch\f0 \hich\f0  \'ef\'e8\'f1\'fc\'ec\'e5\'ed\'ed\'ee\'e5\loch\f0 \hich\f0  \'f3\'e2\'e5\'e4\'ee\'ec\'eb\'e5\'ed\'e8\'e5\loch\f0 \hich\f0  \'ee\'e1\loch\f0 \hich\f0  \'e8\'e</w:t>
      </w:r>
      <w:r w:rsidRPr="00651F56">
        <w:rPr>
          <w:rFonts w:ascii="Courier New" w:hAnsi="Courier New" w:cs="Courier New"/>
        </w:rPr>
        <w:t>7\'ec\'e5\'ed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8\loch\f0 \hich\f0  \'ef\'f0\'ee\'f6\'e5\'ed\'f2\'ed\'ee\'e9\loch\f0 \hich\f0  \'f1\'f2\'e0\'e2\'ea\'e8\loch\f0 \hich\f0  \'ef\'ee\loch\f0 \hich\f0  \'ef\'ee\'f1\'eb\'e5\'e4\'ed\'e5\'e5\loch\f0 \hich\f0  \'f7\'e8\'f1\'eb\'ee\l</w:t>
      </w:r>
      <w:r w:rsidRPr="00651F56">
        <w:rPr>
          <w:rFonts w:ascii="Courier New" w:hAnsi="Courier New" w:cs="Courier New"/>
        </w:rPr>
        <w:t>och\f0 \hich\f0  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1\'ff\'f6\'e0\loch\f0 \hich\f0 , \'e2\loch\f0 \hich\f0  \'ea\'ee\'f2\'ee\'f0\'ee\'ec\loch\f0 \hich\f0  \'e2\'fb\'ef\'ee\'eb\'ed\'e5\'ed\'ee\loch\f0 \hich\f0  \'f3\'f1\'eb\'ee\'e2\'e8\'e5\loch\f0 \hich\f0  \'ee\loch\f0 \hich\f0</w:t>
      </w:r>
      <w:r w:rsidRPr="00651F56">
        <w:rPr>
          <w:rFonts w:ascii="Courier New" w:hAnsi="Courier New" w:cs="Courier New"/>
        </w:rPr>
        <w:t xml:space="preserve">  \'ed\'e5\'ee\'e1\'f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4\'e8\'ec\'ee\'ec\loch\f0 \hich\f0  \'f0\'e0\'e7\'ec\'e5\'f0\'e5\loch\f0 \hich\f0  \'ee\'e1\'ee\'f0\'ee\'f2\'ee\'e2\loch\f0 \hich\f0 , \'ed\'e0\'f0\'f3\'f8\'e5\'ed\'e8\'e5\loch\f0 \hich\f0  \'ea\'ee\'f2\'ee\'f0\'ee\'e3\'ee\lo</w:t>
      </w:r>
      <w:r w:rsidRPr="00651F56">
        <w:rPr>
          <w:rFonts w:ascii="Courier New" w:hAnsi="Courier New" w:cs="Courier New"/>
        </w:rPr>
        <w:t>ch\f0 \hich\f0  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8\'eb\'ee\'f1\'fc\loch\f0 \hich\f0  \'ee\'f1\'ed\'ee\'e2\'e0\'ed\'e8\'e5\'ec\loch\f0 \hich\f0  \'e4\'eb\'ff\loch\f0 \hich\f0  \'e8\'e7\'ec\'e5\'ed\'e5\'ed\'e8\'ff\loch\f0 \hich\f0  \'ef\'f0\'ee\'f6\'e5\'ed\'f2\'ed\'ee\'e9\loch\</w:t>
      </w:r>
      <w:r w:rsidRPr="00651F56">
        <w:rPr>
          <w:rFonts w:ascii="Courier New" w:hAnsi="Courier New" w:cs="Courier New"/>
        </w:rPr>
        <w:t>f0 \hich\f0  \'f1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0\'e2\'ea\'e8\loch\f0 \hich\f0  (\'e2\'ea\'eb\'fe\'f7\'e8\'f2\'e5\'eb\'fc\loch\af0\dbch\af39\hich\f0 \'ed\loch\af0\dbch\af39\hich\f0 \'ee\loch\f0 ).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i\fs22\lang1049\langfe1033\dbch\af39\langf</w:t>
      </w:r>
      <w:r w:rsidRPr="00651F56">
        <w:rPr>
          <w:rFonts w:ascii="Courier New" w:hAnsi="Courier New" w:cs="Courier New"/>
        </w:rPr>
        <w:t xml:space="preserve">enp1033\insrsid11159111\charrsid1115911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11159111 {\rtlch\fcs1 \ab\af0\afs22 \ltrch\fcs0 \b\fs22\insrsid11159111\charrsid11159111 \'ca\'ee\'e</w:t>
      </w:r>
      <w:r w:rsidRPr="00651F56">
        <w:rPr>
          <w:rFonts w:ascii="Courier New" w:hAnsi="Courier New" w:cs="Courier New"/>
        </w:rPr>
        <w:t>c\'e8\'f1\'f1\'e8\'e8/ \'e2\'ee\'e7\'ed\'e0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0\'e6\'e4\'e5\'ed\'e8\'ff/\'f8\'f2\'f0\'e0\'f4\'fb/\'ed\'e5\'f3\'f1\'f2\'ee\'e9\'ea\'e8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 \'ee\'e1\'ff\'e7\'e0\'f2\'e5\'eb\'fc\'f1\'f2\'e2\'ee:}{\rtlch\fcs1 \ab\af0\afs22 \ltrch\fcs0 \fs</w:t>
      </w:r>
      <w:r w:rsidRPr="00651F56">
        <w:rPr>
          <w:rFonts w:ascii="Courier New" w:hAnsi="Courier New" w:cs="Courier New"/>
        </w:rPr>
        <w:t xml:space="preserve">22\insrsid11159111\charrsid11159111  0,20% \'e3\'ee\'e4\'ee\'e2\'fb\'f5. }{\rtlch\fcs1 \af0\afs22 \ltrch\fcs0 \fs22\insrsid11159111\charrsid1115911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a\'ee\'ec\'e8\'f1\'f1\'e8\'ff \'e7\'e0 \'ee\'e1\'ff\'e7\'e0\'f2\'e5\'eb\'fc\'f1\'f2\'e2\'ee \'e</w:t>
      </w:r>
      <w:r w:rsidRPr="00651F56">
        <w:rPr>
          <w:rFonts w:ascii="Courier New" w:hAnsi="Courier New" w:cs="Courier New"/>
        </w:rPr>
        <w:t>d\'e0\'f7\'e8\'f1\'eb\'ff\'e5\'f2\'f1\'ff \'f1 6- \'e3\'ee \'f0\'e0\'e1\'ee\'f7\'e5\'e3\'ee \'e4\'ed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6\ql \li0\ri0\widctlpar\wrapdefault\aspalpha\aspnum\faauto\adjustright\rin0\lin0\itap0\pararsid11159111 \rtlch\fcs1 \af0\</w:t>
      </w:r>
      <w:r w:rsidRPr="00651F56">
        <w:rPr>
          <w:rFonts w:ascii="Courier New" w:hAnsi="Courier New" w:cs="Courier New"/>
        </w:rPr>
        <w:t xml:space="preserve">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1159111\charrsid11159111 \'d3\'ef\'eb\'e0\'f7\'e8\'e2\'e0\'e5\'f2\'f1\'ff \'e2 \'e4\'e0\'f2\'fb, \'f3\'f1\'f2\'e0\'ed\'e</w:t>
      </w:r>
      <w:r w:rsidRPr="00651F56">
        <w:rPr>
          <w:rFonts w:ascii="Courier New" w:hAnsi="Courier New" w:cs="Courier New"/>
        </w:rPr>
        <w:t xml:space="preserve">e\'e2\'eb\'e5\'ed\'ed\'fb\'e5 \'e4\'eb\'ff \'f3\'ef\'eb\'e0\'f2\'fb \'ef\'f0\'ee\'f6\'e5\'ed\'f2\'ee\'e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33\qj \li0\ri0\widctlpar\wrapdefault\nooverflow\faroman\rin0\lin0\itap0\pararsid11159111\contextualspace \rtlch\fcs1 \af</w:t>
      </w:r>
      <w:r w:rsidRPr="00651F56">
        <w:rPr>
          <w:rFonts w:ascii="Courier New" w:hAnsi="Courier New" w:cs="Courier New"/>
        </w:rPr>
        <w:t xml:space="preserve">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1159111\charrsid11159111 \'cf\'ee\'f1\'eb\'e5\'e4\'ed\'e8\'e9 \'ef\'eb\'e0\'f2\'e5\'e6 \'f3\'ef\'eb\'e0\'f7\'e8\'e2\'e</w:t>
      </w:r>
      <w:r w:rsidRPr="00651F56">
        <w:rPr>
          <w:rFonts w:ascii="Courier New" w:hAnsi="Courier New" w:cs="Courier New"/>
        </w:rPr>
        <w:t>0\'e5\'f2\'f1\'ff \'e2 \'e4\'e0\'f2\'f3 \'ee\'ea\'ee\'ed\'f7\'e0\'ed\'e8\'ff \'ee\'e1\'f9\'e5\'e3\'ee \'f1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a\'e0 \'ef\'f0\'e5\'e4\'ee\'f1\'f2\'e0\'e2\'eb\'e5\'ed\'e8\'ff \'ca\'f0\'e5\'e4\'e8\'f2\'ee\'e2}{\rtlch\fcs1 \ab\af0\afs22 \ltrch\fcs0 \f</w:t>
      </w:r>
      <w:r w:rsidRPr="00651F56">
        <w:rPr>
          <w:rFonts w:ascii="Courier New" w:hAnsi="Courier New" w:cs="Courier New"/>
        </w:rPr>
        <w:t xml:space="preserve">s22\insrsid11159111\charrsid11159111 ;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b\fs22\insrsid11159111\charrsid1115911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 \'e2\'fb\'e4\'e0\'f7\'f3 \'ea\'f0\'e5\'e4\'e8\'f2\'ed\'ee\'e9 \'eb\'e8\'ed\'e8\'e8: }{\rtlch\fcs1 \af0\afs22 \ltrch\fcs</w:t>
      </w:r>
      <w:r w:rsidRPr="00651F56">
        <w:rPr>
          <w:rFonts w:ascii="Courier New" w:hAnsi="Courier New" w:cs="Courier New"/>
        </w:rPr>
        <w:t>0 \fs22\insrsid11159111\charrsid11159111 30 000 \'f0\'f3\'e1. (\'e2\'e7\'e8\'ec\'e0\'e5\'f2\'f1\'ff \'e2 \'ee\'e1\'ff\'e7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5\'eb\'fc\'ed\'ee\'ec \'ef\'ee\'f0\'ff\'e4\'ea\'e5, \'e5\'f1\'eb\'e8 \'f4\'e8\'ed\'e0\'ed\'f1\'ee\'e2\'ee\'e5 \'f1\'ee\'f1</w:t>
      </w:r>
      <w:r w:rsidRPr="00651F56">
        <w:rPr>
          <w:rFonts w:ascii="Courier New" w:hAnsi="Courier New" w:cs="Courier New"/>
        </w:rPr>
        <w:t>\'f2\'ee\'ff\'ed\'e8\'e5 \'c7\'e0\'e5\'ec\'f9\'e8\'ea\'e0 \'ed\'e5 \'ec\'ee\'e6\'e5\'f2 \'e1\'fb\'f2\'fc \'ee\'f6\'e5\'ed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 \'ea\'e0\'ea \'ab\'f5\'ee\'f0\'ee\'f8\'e5\'e5\'bb \'e4\'eb\'ff \'f6\'e5\'eb\'e5\'e9 \'f4\'ee\'f0\'ec\'e8\'f0\'ee\'e2\'e0</w:t>
      </w:r>
      <w:r w:rsidRPr="00651F56">
        <w:rPr>
          <w:rFonts w:ascii="Courier New" w:hAnsi="Courier New" w:cs="Courier New"/>
        </w:rPr>
        <w:t>\'ed\'e8\'ff \'f0\'e5\'e7\'e5\'f0\'e2\'ee\'e2 \'ed\'e0 \'ec\'ee\'ec\'e5\'ed\'f2 \'e7\'e0\'ea\'eb\'fe\'f7\'e5\'ed\'e8\'ff 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5\'eb\'ea\'e8). \'d3\'ef\'eb\'e0\'f7\'e8\'e2\'e0\'e5\'f2\'f1\'ff \'e4\'ee \'ef\'e5\'f0\'e2\'ee\'e3\'ee \'e8\'f1\'ef\'ee\'e</w:t>
      </w:r>
      <w:r w:rsidRPr="00651F56">
        <w:rPr>
          <w:rFonts w:ascii="Courier New" w:hAnsi="Courier New" w:cs="Courier New"/>
        </w:rPr>
        <w:t>b\'fc\'e7\'ee\'e2\'e0\'ed\'e8\'ff \'f1\'f0\'e5\'e4\'f1\'f2\'e2 \'ef\'ee \'ea\'f0\'e5\'e4\'e8\'f2\'ed\'ee\'e9 \'f1\'e4\'e5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a\'e5.}{\rtlch\fcs1 \ab\af0\afs22 \ltrch\fcs0 \b\fs22\insrsid11159111\charrsid1115911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30\qj \li0</w:t>
      </w:r>
      <w:r w:rsidRPr="00651F56">
        <w:rPr>
          <w:rFonts w:ascii="Courier New" w:hAnsi="Courier New" w:cs="Courier New"/>
        </w:rPr>
        <w:t xml:space="preserve">\ri0\widctlpar\wrapdefault\aspalpha\aspnum\faauto\adjustright\rin0\lin0\itap0\pararsid11159111 \rtlch\fcs1 \af0\afs20\alang1025 \ltrch\fcs0 \fs22\lang1049\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insrsid11159111\</w:t>
      </w:r>
      <w:r w:rsidRPr="00651F56">
        <w:rPr>
          <w:rFonts w:ascii="Courier New" w:hAnsi="Courier New" w:cs="Courier New"/>
        </w:rPr>
        <w:t>charrsid11159111 \'d8\'f2\'f0\'e0\'f4 \'e2 \'f0\'e0\'e7\'ec\'e5\'f0\'e5\~ 0.01% \'ee\'f2 \'f1\'f3\'ec\'ec\'fb \'ee\'f1\'f2\'e0\'f2\'ea\'e0 \'ee\'f1\'ed\'ee\'e2\'ed\'ee\'e3\'ee \'e4\'ee\'eb\'e3\'e0 \'ef\'ee \'ea\'f0\'e5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2\'ed\'ee\'ec\'f3 \'f1\'e</w:t>
      </w:r>
      <w:r w:rsidRPr="00651F56">
        <w:rPr>
          <w:rFonts w:ascii="Courier New" w:hAnsi="Courier New" w:cs="Courier New"/>
        </w:rPr>
        <w:t xml:space="preserve">e\'e3\'eb\'e0\'f8\'e5\'ed\'e8\'fe, \'f1\'eb\'ee\'e6\'e8\'e2\'f8\'e5\'e3\'ee\'f1\'ff \'ed\'e0 \'ec\'ee\'ec\'e5\'ed\'f2 \'e2\'fb\'ff\'e2\'eb\'e5\'ed\'e8\'ff \'ed\'e0\'f0\'f3\'f8\'e5\'ed\'e8\'ff, \'e2 \'f1\'eb\'f3\'f7\'e0\'e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5\'e8\'f1\'ef\'ee\'eb\'e</w:t>
      </w:r>
      <w:r w:rsidRPr="00651F56">
        <w:rPr>
          <w:rFonts w:ascii="Courier New" w:hAnsi="Courier New" w:cs="Courier New"/>
        </w:rPr>
        <w:t>d\'e5\'ed\'e8\'ff\\\'ed\'e5\'ed\'e0\'e4\'eb\'e5\'e6\'e0\'f9\'e5\'e3\'ee \'e8\'f1\'ef\'ee\'eb\'ed\'e5\'ed\'e8\'ff \'e7\'e0\'e5\'ec\'f9\'e8\'ea\'ee\'ec \'f4\'e8\'ed\'e0\'ed\'f1\'ee\'e2\'fb\'f5 \'ea\'ee\'e2\'e5\'ed\'e0\'ed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</w:t>
      </w:r>
      <w:r w:rsidRPr="00651F56">
        <w:rPr>
          <w:rFonts w:ascii="Courier New" w:hAnsi="Courier New" w:cs="Courier New"/>
        </w:rPr>
        <w:t xml:space="preserve">j \li0\ri0\nowidctlpar\wrapdefault\aspalpha\aspnum\faauto\adjustright\rin0\lin0\itap0\pararsid11159111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</w:t>
      </w:r>
      <w:r w:rsidRPr="00651F56">
        <w:rPr>
          <w:rFonts w:ascii="Courier New" w:hAnsi="Courier New" w:cs="Courier New"/>
        </w:rPr>
        <w:t xml:space="preserve">d11159111\charrsid11159111 \'cd\'e5\'f3\'f1\'f2\'ee\'e9\'ea\'e0}{\rtlch\fcs1 \af0\afs22 \ltrch\fcs0 \fs22\insrsid11159111\charrsid11159111  \'e2 \'f0\'e0\'e7\'ec\'e5\'f0\'e5 1/365 \'ec\'e0\'ea\'f1\'e8\'ec\'e0\'eb\'fc\'ed\'ee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e\'f6\'e5\'ed\</w:t>
      </w:r>
      <w:r w:rsidRPr="00651F56">
        <w:rPr>
          <w:rFonts w:ascii="Courier New" w:hAnsi="Courier New" w:cs="Courier New"/>
        </w:rPr>
        <w:t>'f2\'ed\'ee\'e9 \'f1\'f2\'e0\'e2\'ea\'e8 \'ee\'f2 \'f1\'f3\'ec\'ec\'fb \'ef\'f0\'ee\'f1\'f0\'ee\'f7\'e5\'ed\'ed\'ee\'e9 \'e7\'e0\'e4\'ee\'eb\'e6\'e5\'ed\'ed\'ee\'f1\'f2\'e8 \'ef\'ee \'ce\'f1\'ed\'ee\'e2\'ed\'ee\'ec\'f3 \'e4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e3\'f3 \'e7\'e0 \'ea\</w:t>
      </w:r>
      <w:r w:rsidRPr="00651F56">
        <w:rPr>
          <w:rFonts w:ascii="Courier New" w:hAnsi="Courier New" w:cs="Courier New"/>
        </w:rPr>
        <w:t>'e0\'e6\'e4\'fb\'e9 \'e4\'e5\'ed\'fc \'ef\'f0\'ee\'f1\'f0\'ee\'f7\'ea\'e8, \'ed\'e0\'f7\'e8\'f1\'eb\'ff\'e5\'ec\'e0\'ff \'e2 \'f1\'eb\'f3\'f7\'e0\'e5 \'e2\'ee\'e7\'ed\'e8\'ea\'ed\'ee\'e2\'e5\'ed\'e8\'ff \'ef\'f0\'ee\'f1\'f0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7\'e5\'ed\'ed\'ee\'e9 \'</w:t>
      </w:r>
      <w:r w:rsidRPr="00651F56">
        <w:rPr>
          <w:rFonts w:ascii="Courier New" w:hAnsi="Courier New" w:cs="Courier New"/>
        </w:rPr>
        <w:t xml:space="preserve">e7\'e0\'e4\'ee\'eb\'e6\'e5\'ed\'ed\'ee\'f1\'f2\'e8 \'ef\'ee \'ce\'f1\'ed\'ee\'e2\'ed\'ee\'ec\'f3 \'e4\'ee\'eb\'e3\'f3;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\pard \ltrpar\qj \li0\ri0\widctlpar\wrapdefault\aspalpha\aspnum\faauto\adjustright\rin0\lin0\itap0\pararsid11159111 {\rtlch\fcs1 </w:t>
      </w:r>
      <w:r w:rsidRPr="00651F56">
        <w:rPr>
          <w:rFonts w:ascii="Courier New" w:hAnsi="Courier New" w:cs="Courier New"/>
        </w:rPr>
        <w:t xml:space="preserve">\af0\afs22 \ltrch\fcs0 \b\fs22\insrsid11159111\charrsid11159111 \'cd\'e5\'f3\'f1\'f2\'ee\'e9\'ea\'e0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1159111\charrsid11159111  \'e2 \'f0\'e0\'e7\'ec\'e5\'f0\'e5 \'e2 2/365 \'ec\'e0\'ea\'f1\'e8\'ec\'e0\'eb</w:t>
      </w:r>
      <w:r w:rsidRPr="00651F56">
        <w:rPr>
          <w:rFonts w:ascii="Courier New" w:hAnsi="Courier New" w:cs="Courier New"/>
        </w:rPr>
        <w:t>\'fc\'ed\'ee\'e9 \'ef\'f0\'ee\'f6\'e5\'ed\'f2\'ed\'ee\'e9 \'f1\'f2\'e0\'e2\'ea\'e8  \'ee\'f2 \'f1\'f3\'ec\'ec\'fb \'ef\'f0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0\'ee\'f7\'e5\'ed\'ed\'ee\'e9 \'e7\'e0\'e4\'ee\'eb\'e6\'e5\'ed\'ed\'ee\'f1\'f2\'e8 \'ef\'ee \'ef\'f0\'ee\'f6\'e5\'ed\'f2\</w:t>
      </w:r>
      <w:r w:rsidRPr="00651F56">
        <w:rPr>
          <w:rFonts w:ascii="Courier New" w:hAnsi="Courier New" w:cs="Courier New"/>
        </w:rPr>
        <w:t>'e0\'ec/\'ea\'ee\'ec\'e8\'f1\'f1\'e8\'ff\'ec \'e7\'e0 \'ea\'e0\'e6\'e4\'fb\'e9 \'e4\'e5\'ed\'fc \'ef\'f0\'ee\'f1\'f0\'ee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8, \'ed\'e0\'f7\'e8\'f1\'eb\'ff\'e5\'ec\'e0\'ff \'e2 \'f1\'eb\'f3\'f7\'e0\'e5 \'e2\'ee\'e7\'ed\'e8\'ea\'ed\'ee\'e2\'e5\'ed\</w:t>
      </w:r>
      <w:r w:rsidRPr="00651F56">
        <w:rPr>
          <w:rFonts w:ascii="Courier New" w:hAnsi="Courier New" w:cs="Courier New"/>
        </w:rPr>
        <w:t>'e8\'ff \'ef\'f0\'ee\'f1\'f0\'ee\'f7\'e5\'ed\'ed\'ee\'e9 \'e7\'e0\'e4\'ee\'eb\'e6\'e5\'ed\'ed\'ee\'f1\'f2\'e8 \'ef\'ee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e\'f6\'e5\'ed\'f2\'e0\'ec/\'ea\'ee\'ec\'e8\'f1\'f1\'e8\'e8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b\fs22\insrsid111591</w:t>
      </w:r>
      <w:r w:rsidRPr="00651F56">
        <w:rPr>
          <w:rFonts w:ascii="Courier New" w:hAnsi="Courier New" w:cs="Courier New"/>
        </w:rPr>
        <w:t>11\charrsid11159111 \'cd\'e5\'f3\'f1\'f2\'ee\'e9\'ea\'e0}{\rtlch\fcs1 \af0\afs22 \ltrch\fcs0 \fs22\insrsid11159111\charrsid11159111  \'e2 \'f0\'e0\'e7\'ec\'e5\'f0\'e5 1/365 \'ec\'e0\'ea\'f1\'e8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b\'fc\'ed\'ee\'e9 \'ef\'f0\'ee\'f6\'e5\'ed\'f2\'ed</w:t>
      </w:r>
      <w:r w:rsidRPr="00651F56">
        <w:rPr>
          <w:rFonts w:ascii="Courier New" w:hAnsi="Courier New" w:cs="Courier New"/>
        </w:rPr>
        <w:t>\'ee\'e9 \'f1\'f2\'e0\'e2\'ea\'e8 \'ee\'f2 \'f1\'f3\'ec\'ec\'fb \'ed\'e5\'e8\'f1\'ef\'ee\'eb\'ed\'e5\'ed\'ed\'ee\'e3\'ee \'e8\'eb\'e8 \'ed\'e5\'ed\'e0\'e4\'eb\'e5\'e6\'e0\'f9\'e8\'ec \'ee\'e1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7\'ee\'ec \'e8\'f1\'ef\'ee\'eb\'ed\'e5\'ed\'ed\'ee\'</w:t>
      </w:r>
      <w:r w:rsidRPr="00651F56">
        <w:rPr>
          <w:rFonts w:ascii="Courier New" w:hAnsi="Courier New" w:cs="Courier New"/>
        </w:rPr>
        <w:t xml:space="preserve">e3\'ee \'ee\'e1\'ff\'e7\'e0\'f2\'e5\'eb\'fc\'f1\'f2\'e2\'e0 \'e7\'e0 \'ea\'e0\'e6\'e4\'fb\'e9 \'e4\'e5\'ed\'fc \'ef\'f0\'ee\'f1\'f0\'ee\'f7\'ea\'e8,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insrsid11159111\charrsid11159111  \'e2 \'f1\'eb\'f3\'f7\'e0\</w:t>
      </w:r>
      <w:r w:rsidRPr="00651F56">
        <w:rPr>
          <w:rFonts w:ascii="Courier New" w:hAnsi="Courier New" w:cs="Courier New"/>
        </w:rPr>
        <w:t>'e5 \'ed\'e5\'e8\'f1\'ef\'ee\'eb\'ed\'e5\'ed\'e8\'ff \'e8\'eb\'e8 \'ed\'e5\'ed\'e0\'e4\'eb\'e5\'e6\'e0\'f9\'e5\'e3\'ee \'e8\'f1\'ef\'ee\'eb\'ed\'e5\'ed\'e8\'ff \'cf\'ee\'f0\'f3\'f7\'e8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b\'e5\'ec \'e4\'e5\'ed\'e5\'e6\'ed\'fb\'f5 \'ee\'e1\'ff\'e7</w:t>
      </w:r>
      <w:r w:rsidRPr="00651F56">
        <w:rPr>
          <w:rFonts w:ascii="Courier New" w:hAnsi="Courier New" w:cs="Courier New"/>
        </w:rPr>
        <w:t>\'e0\'f2\'e5\'eb\'fc\'f1\'f2\'e2 \'ef\'ee \'c4\'ee\'e3\'ee\'e2\'ee\'f0\'f3 \'ef\'ee\'f0\'f3\'f7\'e8\'f2\'e5\'eb\'fc\'f1\'f2\'e2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8\'ed\'fb\'e5 \'ea\'ee\'ec\'e8\'f1\'f1\'e8\'e8, \'ed\'e0\'e4\'e1\'e0\'e2\'ea\'e8 \'ea \'ef\'f0\'ee\'f6\'e5\'ed\'f2\</w:t>
      </w:r>
      <w:r w:rsidRPr="00651F56">
        <w:rPr>
          <w:rFonts w:ascii="Courier New" w:hAnsi="Courier New" w:cs="Courier New"/>
        </w:rPr>
        <w:t xml:space="preserve">'ed\'ee\'e9 \'f1\'f2\'e0\'e2\'ea\'e5 \'e8 \'f1\'e0\'ed\'ea\'f6\'e8\'e8 (\'ed\'e5\'f3\'f1\'f2\'ee\'e9\'ea\'e8, \'f8\'f2\'f0\'e0\'f4\'fb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5\'ed\'e8 \'e8 \'f2.\'e4.), \'ef\'f0\'e5\'e4\'f3\'f1\'ec\'ee\'f2\'f0\'e5\'ed\'ed\'fb\'e5 \'ea\'f0\'e5\'e4\'e8\'</w:t>
      </w:r>
      <w:r w:rsidRPr="00651F56">
        <w:rPr>
          <w:rFonts w:ascii="Courier New" w:hAnsi="Courier New" w:cs="Courier New"/>
        </w:rPr>
        <w:t>f2\'ed\'fb\'ec \'f1\'ee\'e3\'eb\'e0\'f8\'e5\'ed\'e8\'e5\'ec \'e8 \'e4\'ee\'e3\'ee\'e2\'ee\'f0\'ee\'ec \'ef\'ee\'f0\'f3\'f7\'e8\'f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b\'fc\'f1\'f2\'e2\'e0.}{\rtlch\fcs1 \af0\afs22 \ltrch\fcs0 \fs22\insrsid11159111\charrsid1115911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</w:t>
      </w:r>
      <w:r w:rsidRPr="00651F56">
        <w:rPr>
          <w:rFonts w:ascii="Courier New" w:hAnsi="Courier New" w:cs="Courier New"/>
        </w:rPr>
        <w:t>1 \ab\af0\afs22 \ltrch\fcs0 \fs22\insrsid11159111\charrsid11159111 \'cf\'ee\'f0\'f3\'f7\'e8\'f2\'e5\'eb\'fc\'f1\'f2\'e2\'ee \'ef\'ee \'c4\'ee\'e3\'ee\'e2\'ee\'f0\'f3 \'ef\'ee\'f0\'f3\'f7\'e8\'f2\'e5\'eb\'fc\'f1\'f2\'e2\'e0 \'ff\'e2\'eb\'ff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f1\'f</w:t>
      </w:r>
      <w:r w:rsidRPr="00651F56">
        <w:rPr>
          <w:rFonts w:ascii="Courier New" w:hAnsi="Courier New" w:cs="Courier New"/>
        </w:rPr>
        <w:t>f \'f1\'ee\'eb\'e8\'e4\'e0\'f0\'ed\'fb\'ec \'e8 \'ef\'f0\'e5\'e4\'ee\'f1\'f2\'e0\'e2\'eb\'e5\'ed\'ee \'f1\'f0\'ee\'ea\'ee\'ec \'ed\'e0 2\~190 \'ea\'e0\'eb\'e5\'ed\'e4\'e0\'f0\'ed\'fb\'f5 \'e4\'ed\'e5\'e9 \'f1 \'e4\'e0\'f2\'fb \'e7\'e0\'ea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e\'f7\'e5</w:t>
      </w:r>
      <w:r w:rsidRPr="00651F56">
        <w:rPr>
          <w:rFonts w:ascii="Courier New" w:hAnsi="Courier New" w:cs="Courier New"/>
        </w:rPr>
        <w:t>\'ed\'e8\'ff \'c4\'ee\'e3\'ee\'e2\'ee\'f0\'e0 \'ef\'ee\'f0\'f3\'f7\'e8\'f2\'e5\'eb\'fc\'f1\'f2\'e2\'e0. \'cf\'ee \'c4\'ee\'e3\'ee\'e2\'ee\'f0\'f3 \'ef\'ee\'f0\'f3\'f7\'e8\'f2\'e5\'eb\'fc\'f1\'f2\'e2\'e0 \'cf\'ee\'f0\'f3\'f7\'e8\'f2\'e5\'eb\'f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ee\'e1\'</w:t>
      </w:r>
      <w:r w:rsidRPr="00651F56">
        <w:rPr>
          <w:rFonts w:ascii="Courier New" w:hAnsi="Courier New" w:cs="Courier New"/>
        </w:rPr>
        <w:t>ff\'e7\'f3\'e5\'f2\'f1\'ff \'ee\'f2\'e2\'e5\'f7\'e0\'f2\'fc \'ef\'e5\'f0\'e5\'e4 \'c1\'e0\'ed\'ea\'ee\'ec \'c2\'d2\'c1 (\'cf\'c0\'ce) \'ef\'ee \'e8\'f1\'ef\'ee\'eb\'ed\'e5\'ed\'e8\'fe \'c7\'e0\'e5\'ec\'f9\'e8\'ea\'ee\'ec \'ce\'e1\'ff\'e7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5\'eb\</w:t>
      </w:r>
      <w:r w:rsidRPr="00651F56">
        <w:rPr>
          <w:rFonts w:ascii="Courier New" w:hAnsi="Courier New" w:cs="Courier New"/>
        </w:rPr>
        <w:t xml:space="preserve">'fc\'f1\'f2\'e2 \'ef\'ee \'ca\'f0\'e5\'e4\'e8\'f2\'ed\'ee\'ec\'f3 \'f1\'ee\'e3\'eb\'e0\'f8\'e5\'ed\'e8\'fe \'e2 \'ef\'ee\'eb\'ed\'ee\'ec \'ee\'e1\'fa\'e5\'ec\'e5.}{\rtlch\fcs1 \af0\afs22 \ltrch\fcs0 \fs22\insrsid11159111\charrsid1115911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</w:t>
      </w:r>
      <w:r w:rsidRPr="00651F56">
        <w:rPr>
          <w:rFonts w:ascii="Courier New" w:hAnsi="Courier New" w:cs="Courier New"/>
        </w:rPr>
        <w:t>fcs1 \ab\af0\afs22 \ltrch\fcs0 \fs22\insrsid11159111\charrsid11159111 \'c8\'ed\'fb\'e5 \'f3\'f1\'eb\'ee\'e2\'e8\'ff \'c4\'ee\'e3\'ee\'e2\'ee\'f0\'e0 \'ef\'ee\'f0\'f3\'f7\'e8\'f2\'e5\'eb\'fc\'f1\'f2\'e2\'e0, \'ed\'e5 \'f3\'ea\'e0\'e7\'e0\'ed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b\'e5 \</w:t>
      </w:r>
      <w:r w:rsidRPr="00651F56">
        <w:rPr>
          <w:rFonts w:ascii="Courier New" w:hAnsi="Courier New" w:cs="Courier New"/>
        </w:rPr>
        <w:t>'e2 \'ed\'e0\'f1\'f2\'ee\'ff\'f9\'e5\'ec \'ef\'f0\'ee\'f2\'ee\'ea\'ee\'eb\'e5, \'ee\'ef\'f0\'e5\'e4\'e5\'eb\'ff\'fe\'f2\'f1\'ff \'ef\'ee \'f3\'f1\'ec\'ee\'f2\'f0\'e5\'ed\'e8\'fe \'e5\'e4\'e8\'ed\'ee\'eb\'e8\'f7\'ed\'ee\'e3\'ee \'e8\'f1\'ef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ed\'e</w:t>
      </w:r>
      <w:r w:rsidRPr="00651F56">
        <w:rPr>
          <w:rFonts w:ascii="Courier New" w:hAnsi="Courier New" w:cs="Courier New"/>
        </w:rPr>
        <w:t xml:space="preserve">8\'f2\'e5\'eb\'fc\'ed\'ee\'e3\'ee \'ee\'f0\'e3\'e0\'ed\'e0 \'cf\'ee\'f0\'f3\'f7\'e8\'f2\'e5\'eb\'ff.   }{\rtlch\fcs1 \af0\afs22 \ltrch\fcs0 \fs22\insrsid11159111\charrsid1115911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</w:t>
      </w:r>
      <w:r w:rsidRPr="00651F56">
        <w:rPr>
          <w:rFonts w:ascii="Courier New" w:hAnsi="Courier New" w:cs="Courier New"/>
        </w:rPr>
        <w:t xml:space="preserve">o\adjustright\rin0\lin0\itap0\pararsid8323676 {\rtlch\fcs1 \af0\afs22 \ltrch\fcs0 \b\fs22\cf6\insrsid8323676\charrsid1115911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f0\afs22 \ltrch\fcs0 \b\fs22\cf6\insrsid1115911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</w:t>
      </w:r>
      <w:r w:rsidRPr="00651F56">
        <w:rPr>
          <w:rFonts w:ascii="Courier New" w:hAnsi="Courier New" w:cs="Courier New"/>
        </w:rPr>
        <w:t xml:space="preserve">palpha\aspnum\faauto\adjustright\rin0\lin0\itap0\pararsid1991179 {\rtlch\fcs1 \ab\af0\afs22 \ltrch\fcs0 \b\fs22\insrsid832367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b\af0\afs22 \ltrch\fcs0 \b\fs22\insrsid1991179\charrsid538368 \'c2\'ee\'ef\'f0\'ee\'f1 \'b9 }{\rtlch\fcs1 </w:t>
      </w:r>
      <w:r w:rsidRPr="00651F56">
        <w:rPr>
          <w:rFonts w:ascii="Courier New" w:hAnsi="Courier New" w:cs="Courier New"/>
        </w:rPr>
        <w:t>\ab\af0\afs22 \ltrch\fcs0 \b\fs22\insrsid1991179 5}{\rtlch\fcs1 \ab\af0\afs22 \ltrch\fcs0 \b\fs22\insrsid1991179\charrsid538368 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5\'f1\'f2\'ea\'e8 \'e4\'ed\'ff \'ee\'e1\'f9\'e5\'e3\'ee \'f1\'ee\'e1\'f0\'e0\'ed\'e8\'ff:}{\rtlch\fcs1 \af0\af</w:t>
      </w:r>
      <w:r w:rsidRPr="00651F56">
        <w:rPr>
          <w:rFonts w:ascii="Courier New" w:hAnsi="Courier New" w:cs="Courier New"/>
        </w:rPr>
        <w:t>s22 \ltrch\fcs0 \fs22\insrsid1991179\charrsid1991179  }{\rtlch\fcs1 \af0\afs22 \ltrch\fcs0 \fs22\insrsid1991179\charrsid8586865 \'c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1 \'ee\'e4\'ee\'e1\'f0\'e5\'ed\'e8\'e8 \'f1\'e4\'e5\'eb\'ea\'e8, \'f1\'ee\'e2\'e5\'f0\'f8\'e0\'e5\'ec\'ee\'e9 \'f1 \'e7</w:t>
      </w:r>
      <w:r w:rsidRPr="00651F56">
        <w:rPr>
          <w:rFonts w:ascii="Courier New" w:hAnsi="Courier New" w:cs="Courier New"/>
        </w:rPr>
        <w:t>\'e0\'e8\'ed\'f2\'e5\'f0\'e5\'f1\'ee\'e2\'e0\'ed\'ed\'ee\'f1\'f2\'fc\'fe \endash  \'e4\'ee\'e3\'ee\'e2\'ee\'f0\'e0 \'ef\'ee\'f0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7\'e8\'f2\'e5\'eb\'fc\'f1\'f2\'e2\'e0 \'b9\'c4\'cf2-\'d6\'d3-702750/2021/00011 \'ee\'f2 03.03.2021 \'e3\'ee\'e4\'e0 \'ec</w:t>
      </w:r>
      <w:r w:rsidRPr="00651F56">
        <w:rPr>
          <w:rFonts w:ascii="Courier New" w:hAnsi="Courier New" w:cs="Courier New"/>
        </w:rPr>
        <w:t xml:space="preserve">\'e5\'e6\'e4\'f3 \'c0\'ce \'ab\'d2\'e5\'f0\'ec\'e8\'ed\'e0\'eb \'c0\'f1\'f2\'e0\'f4\'fc\'e5\'e2\'e0\'bb (\'c8\'cd\'cd 2508001618)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 \'c1\'e0\'ed\'ea\'ee\'ec \'c2\'d2\'c1 (\'ef\'f3\'e1\'eb\'e8\'f7\'ed\'ee\'e5 \'e0\'ea\'f6\'e8\'ee\'ed\'e5\'f0\'ed\'ee\'e</w:t>
      </w:r>
      <w:r w:rsidRPr="00651F56">
        <w:rPr>
          <w:rFonts w:ascii="Courier New" w:hAnsi="Courier New" w:cs="Courier New"/>
        </w:rPr>
        <w:t>5 \'ee\'e1\'f9\'e5\'f1\'f2\'e2\'ee) \'ef\'ee \'ea\'f0\'e5\'e4\'e8\'f2\'ed\'fb\'ec \'ee\'e1\'ff\'e7\'e0\'f2\'e5\'eb\'fc\'f1\'f2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c \'c0\'ce \'ab\'c4\'c0\'cb\'dc\'ca\'ce\'cc\'d5\'ce\'cb\'ce\'c4\'bb (\'c8\'cd\'cd 2537003955) \'ef\'ee \'ea\'f0\'e5\'</w:t>
      </w:r>
      <w:r w:rsidRPr="00651F56">
        <w:rPr>
          <w:rFonts w:ascii="Courier New" w:hAnsi="Courier New" w:cs="Courier New"/>
        </w:rPr>
        <w:t xml:space="preserve">e4\'e8\'f2\'ed\'ee\'ec\'f3 \'f1\'ee\'e3\'eb\'e0\'f8\'e5\'ed\'e8\'fe \'b9\'ca\'d1-\'d6\'d3-702750/2021/00011 \'ee\'f2 03.03.202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\'e4\'e0 \'ee \'e2\'fb\'e4\'e0\'f7\'e5 \'ea\'f0\'e5\'e4\'e8\'f2\'e0 \'e2 \'e2\'e8\'e4\'e5 \'ea\'f0\'e5\'e4\'e8\'f2\'ed</w:t>
      </w:r>
      <w:r w:rsidRPr="00651F56">
        <w:rPr>
          <w:rFonts w:ascii="Courier New" w:hAnsi="Courier New" w:cs="Courier New"/>
        </w:rPr>
        <w:t>\'ee\'e9 \'eb\'e8\'ed\'e8\'e8 \'f1 \'eb\'e8\'ec\'e8\'f2\'ee\'ec \'e2\'fb\'e4\'e0\'f7\'e8, \'e2 \'f1\'f3\'ec\'ec\'e5 150 \'ec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. \'f0\'f3\'e1\'eb\'e5\'e9, \'f1\'f0\'ee\'ea\'ee\'ec \'e4\'ee 1095 \'e4\'ed\'e5\'e9, \'e7\'e0\'ea\'eb\'fe\'f7\'e0\'e5\'ec\</w:t>
      </w:r>
      <w:r w:rsidRPr="00651F56">
        <w:rPr>
          <w:rFonts w:ascii="Courier New" w:hAnsi="Courier New" w:cs="Courier New"/>
        </w:rPr>
        <w:t>'ee\'ec\'f3 \'ec\'e5\'e6\'e4\'f3 \'c0\'ce \'ab\'c4\'c0\'cb\'dc\'ca\'ce\'cc\'d5\'ce\'cb\'ce\'c4\'bb (\'c8\'cd\'cd 2537003955) 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c1\'e0\'ed\'ea\'ee\'ec \'c2\'d2\'c1 (\'cf\'c0\'ce).}{\rtlch\fcs1 \af0\afs22 \ltrch\fcs0 \fs22\insrsid199117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</w:t>
      </w:r>
      <w:r w:rsidRPr="00651F56">
        <w:rPr>
          <w:rFonts w:ascii="Courier New" w:hAnsi="Courier New" w:cs="Courier New"/>
        </w:rPr>
        <w:t xml:space="preserve">ch\fcs1 \af0\afs22 \ltrch\fcs0 \fs22\insrsid832367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8323676 {\rtlch\fcs1 \ab\af0\afs22 \ltrch\fcs0 \b\fs22\insrsid472349\charrsid538368 \'d0\</w:t>
      </w:r>
      <w:r w:rsidRPr="00651F56">
        <w:rPr>
          <w:rFonts w:ascii="Courier New" w:hAnsi="Courier New" w:cs="Courier New"/>
        </w:rPr>
        <w:t>'e5\'e7\'f3\'eb\'fc\'f2\'e0\'f2\'fb \'e3\'ee\'eb\'ee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0\'ed\'e8\'ff}{\rtlch\fcs1 \af0\afs22 \ltrch\fcs0 \b\fs22\insrsid472349\charrsid538368  }{\rtlch\fcs1 \af0\afs22 \ltrch\fcs0 \b\fs22\insrsid8323676\charrsid538368 \'ef\'ee }{\rtlch\fcs1 \</w:t>
      </w:r>
      <w:r w:rsidRPr="00651F56">
        <w:rPr>
          <w:rFonts w:ascii="Courier New" w:hAnsi="Courier New" w:cs="Courier New"/>
        </w:rPr>
        <w:t>af0\afs22 \ltrch\fcs0 \b\fs22\insrsid8323676 \'ef\'ff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c\'f3}{\rtlch\fcs1 \af0\afs22 \ltrch\fcs0 \b\fs22\insrsid8323676\charrsid538368  \'e2\'ee\'ef\'f0\'ee\'f1\'f3 \'ef\'ee\'e2\'e5\'f1\'f2\'ea\'e8 \'e4\'ed\'ff:}{\rtlch\fcs1 \af0\afs22 \ltrch\fc</w:t>
      </w:r>
      <w:r w:rsidRPr="00651F56">
        <w:rPr>
          <w:rFonts w:ascii="Courier New" w:hAnsi="Courier New" w:cs="Courier New"/>
        </w:rPr>
        <w:t>s0 \b\fs22\cf6\insrsid8323676\charrsid538368  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rtlch\fcs1 \af0\afs22 \ltrch\fcs0 \b\fs22\cf6\insrsid832367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sb120\widctlpar\tx4536\wrapdefault\aspalpha\aspnum\faauto\adjustright\rin0\lin0\itap0\pararsid5798759 {\rtlch\</w:t>
      </w:r>
      <w:r w:rsidRPr="00651F56">
        <w:rPr>
          <w:rFonts w:ascii="Courier New" w:hAnsi="Courier New" w:cs="Courier New"/>
        </w:rPr>
        <w:t xml:space="preserve">fcs1 \af0\afs22 \ltrch\fcs0 \fs22\insrsid5798759\charrsid2451716 \'d7\'e8\'f1\'eb\'ee \'e3\'ee\'eb\'ee\'f1\'ee\'e2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e\'f2\'ee\'f0\'fb\'ec\'e8 \'ee\'e1\'eb\'e0\'e4\'e0\'eb\'e8 \'eb\'e8\'f6\'e0, \'e2\'ea\'eb\'fe\'f7\'e5\'ed\'ed\'fb\'e5 \'e2 \'f1\'ef</w:t>
      </w:r>
      <w:r w:rsidRPr="00651F56">
        <w:rPr>
          <w:rFonts w:ascii="Courier New" w:hAnsi="Courier New" w:cs="Courier New"/>
        </w:rPr>
        <w:t>\'e8\'f1\'ee\'ea \'eb\'e8\'f6, \'e8\'ec\'e5\'e2\'f8\'e8\'f5 \'ef\'f0\'e0\'e2\'ee \'ed\'e0 \'f3\'f7\'e0\'f1\'f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2  \'ee\'e1\'f9\'e5\'ec \'f1\'ee\'e1\'f0\'e0\'ed\'e8\'e8 \'e0\'ea\'f6\'e8\'ee\'ed\'e5\'f0\'ee\'e2, \'ef\'ee \'e4\'e0\'ed\'ed\'ee\'ec</w:t>
      </w:r>
      <w:r w:rsidRPr="00651F56">
        <w:rPr>
          <w:rFonts w:ascii="Courier New" w:hAnsi="Courier New" w:cs="Courier New"/>
        </w:rPr>
        <w:t>\'f3 \'e2\'ee\'ef\'f0\'ee\'f1\'f3 \'ef\'ee\'e2\'e5\'f1\'f2\'ea\'e8 \'e4\'ed\'ff \'ee\'e1\'f9\'e5\'e3\'ee \'f1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1\'f0\'e0\'ed\'e8\'ff, -  830 380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f\'f0\'e8\'f5\'ee\'e4\'e8\'e2\'f8\'e8\'f5\</w:t>
      </w:r>
      <w:r w:rsidRPr="00651F56">
        <w:rPr>
          <w:rFonts w:ascii="Courier New" w:hAnsi="Courier New" w:cs="Courier New"/>
        </w:rPr>
        <w:t>'f1\'ff \'ed\'e0 \'e3\'ee\'eb\'ee\'f1\'f3\'fe\'f9\'e8\'e5 \'e0\'ea\'f6\'e8\'e8 \'ee\'e1\'f9\'e5\'f1\'f2\'e2\'e0, \'ef\'ee \'e4\'e0\'ed\'ed\'ee\'ec\'f3 \'e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e\'f1\'f3 \'ef\'ee\'e2\'e5\'f1\'f2\'ea\'e8 \'e4\'ed\'ff \'ee\'e1\'f9\'e5\'e3\'ee \'f</w:t>
      </w:r>
      <w:r w:rsidRPr="00651F56">
        <w:rPr>
          <w:rFonts w:ascii="Courier New" w:hAnsi="Courier New" w:cs="Courier New"/>
        </w:rPr>
        <w:t>1\'ee\'e1\'f0\'e0\'ed\'e8\'ff, \'ee\'ef\'f0\'e5\'e4\'e5\'eb\'e5\'ed\'ed\'ee\'e5 \'f1 \'f3\'f7\'e5\'f2\'ee\'ec \'f2\'f0\'e5\'e1\'ee\'e2\'e0\'ed\'e8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. 4.24. \'cf\'ee\'eb\'ee\'e6\'e5\'ed\'e8\'e5 \'c1\'e0\'ed\'ea\'e0 \'d0\'ee\'f1\'f1\'e8\'e8 \'b9 660</w:t>
      </w:r>
      <w:r w:rsidRPr="00651F56">
        <w:rPr>
          <w:rFonts w:ascii="Courier New" w:hAnsi="Courier New" w:cs="Courier New"/>
        </w:rPr>
        <w:t xml:space="preserve">-\'cf \'ee\'f2 16.11.2018\'e3. \'ab\'ce\'e1 \'ee\'e1\'f9\'e8\'f5 \'f1\'ee\'e1\'f0\'e0\'ed\'e8\'ff\'f5 \'e0\'ea\'f6\'e8\'ee\'ed\'e5\'f0\'ee\'e2\'bb, \endash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472 104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a\'ee\'f2\'ee\'f0\'fb\'ec\'e</w:t>
      </w:r>
      <w:r w:rsidRPr="00651F56">
        <w:rPr>
          <w:rFonts w:ascii="Courier New" w:hAnsi="Courier New" w:cs="Courier New"/>
        </w:rPr>
        <w:t>8 \'ee\'e1\'eb\'e0\'e4\'e0\'eb\'e8 \'eb\'e8\'f6\'e0, \'ef\'f0\'e8\'ed\'ff\'e2\'f8\'e8\'e5 \'f3\'f7\'e0\'f1\'f2\'e8\'e5  \'e2 \'ee\'e1\'f9\'e5\'ec  \'f1\'ee\'e1\'f0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8, \'ef\'ee \'e4\'e0\'ed\'ed\'ee\'ec\'f3 \'e2\'ee\'ef\'f0\'ee\'f1\'f3 \'ef\'</w:t>
      </w:r>
      <w:r w:rsidRPr="00651F56">
        <w:rPr>
          <w:rFonts w:ascii="Courier New" w:hAnsi="Courier New" w:cs="Courier New"/>
        </w:rPr>
        <w:t xml:space="preserve">ee\'e2\'e5\'f1\'f2\'ea\'e8 \'e4\'ed\'ff \'f1\'ee\'e1\'f0\'e0\'ed\'e8\'ff,  - 434}{\rtlch\fcs1 \af0\afs22 \ltrch\fcs0 \fs22\insrsid5798759 \~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5798759\charrsid2451716 8}{\rtlch\fcs1 \af0\afs22 \ltrch\fcs0 \f</w:t>
      </w:r>
      <w:r w:rsidRPr="00651F56">
        <w:rPr>
          <w:rFonts w:ascii="Courier New" w:hAnsi="Courier New" w:cs="Courier New"/>
        </w:rPr>
        <w:t xml:space="preserve">s22\insrsid5798759 57}{\rtlch\fcs1 \af0\afs22 \ltrch\fcs0 \fs22\insrsid5798759\charrsid2451716 .}{\rtlch\fcs1 \af0\afs22 \ltrch\fcs0 \fs22\insrsid579875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f0\afs22 \ltrch\fcs0 \fs22\insrsid5798759\charrsid4811378 \'d7\'e8\'f1\'eb\'ee </w:t>
      </w:r>
      <w:r w:rsidRPr="00651F56">
        <w:rPr>
          <w:rFonts w:ascii="Courier New" w:hAnsi="Courier New" w:cs="Courier New"/>
        </w:rPr>
        <w:t>\'e3\'ee\'eb\'ee\'f1\'ee\'e2, \'ea\'ee\'f2\'ee\'f0\'fb\'ec\'e8 \'ee\'e1\'eb\'e0\'e4\'e0\'eb\'e8 \'eb\'e8\'f6\'e0, \'ed\'e5 \'e7\'e0\'e8\'ed\'f2\'e5\'f0\'e5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0\'ed\'ed\'fb\'e5 \'e2 \'f1\'ee\'e2\'e5\'f0\'f8\'e5\'ed\'e8\'e8 \'ee\'e1\'f9\'e5\'f1</w:t>
      </w:r>
      <w:r w:rsidRPr="00651F56">
        <w:rPr>
          <w:rFonts w:ascii="Courier New" w:hAnsi="Courier New" w:cs="Courier New"/>
        </w:rPr>
        <w:t>\'f2\'e2\'ee\'ec \'f1\'e4\'e5\'eb\'ea\'e8,  \'ef\'f0\'e8\'ed\'ff\'e2\'f8\'e8\'e5 \'f3\'f7\'e0\'f1\'f2\'e8\'e5  \'e2 \'ee\'e1\'f9\'e5\'ec  \'f1\'ee\'e1\'f0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8\'e8 \'e0\'ea\'f6\'e8\'ee\'ed\'e5\'f0\'ee\'e2 \'ef\'ee \'e2\'ee\'ef\'f0\'ee\'f1\'f3 \'ef</w:t>
      </w:r>
      <w:r w:rsidRPr="00651F56">
        <w:rPr>
          <w:rFonts w:ascii="Courier New" w:hAnsi="Courier New" w:cs="Courier New"/>
        </w:rPr>
        <w:t xml:space="preserve">\'ee\'e2\'e5\'f1\'f2\'ea\'e8 \'e4\'ed\'ff \'f1\'ee\'e1\'f0\'e0\'ed\'e8\'ff,  -}{\rtlch\fcs1 \af0\afs22 \ltrch\fcs0 \fs22\insrsid5798759  340 140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5798759\charrsid4811378 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</w:t>
      </w:r>
      <w:r w:rsidRPr="00651F56">
        <w:rPr>
          <w:rFonts w:ascii="Courier New" w:hAnsi="Courier New" w:cs="Courier New"/>
        </w:rPr>
        <w:t>idctlpar\tx4536\wrapdefault\aspalpha\aspnum\faauto\adjustright\rin0\lin0\itap0\pararsid5798759 {\rtlch\fcs1 \af0\afs22 \ltrch\fcs0 \fs22\insrsid5798759\charrsid2451716 \'ca\'e2\'ee\'f0\'f3\'ec \'ef\'ee \'e4\'e0\'ed\'ed\'ee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 \'e2\'ee\'ef\'f0\'ee\'f</w:t>
      </w:r>
      <w:r w:rsidRPr="00651F56">
        <w:rPr>
          <w:rFonts w:ascii="Courier New" w:hAnsi="Courier New" w:cs="Courier New"/>
        </w:rPr>
        <w:t>1\'f3 \'ef\'ee\'e2\'e5\'f1\'f2\'ea\'e8 \'e4\'ed\'ff \'e8\'ec\'e5\'e5\'f2\'f1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4\qj \li0\ri0\widctlpar\tx4536\wrapdefault\aspalpha\aspnum\faauto\adjustright\rin0\lin0\itap0\pararsid5798759 \rtlch\fcs1 \af0\afs20\alang1025 \l</w:t>
      </w:r>
      <w:r w:rsidRPr="00651F56">
        <w:rPr>
          <w:rFonts w:ascii="Courier New" w:hAnsi="Courier New" w:cs="Courier New"/>
        </w:rPr>
        <w:t xml:space="preserve">trch\fcs0 \fs24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5798759\charrsid2451716 \'d7\'e8\'f1\'eb\'ee \'e3\'ee\'eb\'ee\'f1\'ee\'e2, \'ee\'f2\'e4\'e0\'ed\'ed\'fb\'f5 \'e7\'e0 \'ea\'e0\'e6\'e4\'fb\'</w:t>
      </w:r>
      <w:r w:rsidRPr="00651F56">
        <w:rPr>
          <w:rFonts w:ascii="Courier New" w:hAnsi="Courier New" w:cs="Courier New"/>
        </w:rPr>
        <w:t>e9 \'e8\'e7 \'e2\'e0\'f0\'e8\'e0\'ed\'f2\'ee\'e2 \'e3\'ee\'eb\'ee\'f1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d\'e8\'ff \'ef\'ee \'e4\'e0\'ed\'ed\'ee\'ec\'f3 \'e2\'ee\'ef\'f0\'ee\'f1\'f3 \'ef\'ee\'e2\'e5\'f1\'f2\'ea\'e8 \'e4\'ed\'ff \'f1\'ee\'e1\'f0\'e0\'ed\'e8\'ff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</w:t>
      </w:r>
      <w:r w:rsidRPr="00651F56">
        <w:rPr>
          <w:rFonts w:ascii="Courier New" w:hAnsi="Courier New" w:cs="Courier New"/>
        </w:rPr>
        <w:t xml:space="preserve">plain \ltrpar\qj \fi709\li0\ri0\widctlpar\wrapdefault\aspalpha\aspnum\faauto\adjustright\rin0\lin0\itap0\pararsid5798759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</w:t>
      </w:r>
      <w:r w:rsidRPr="00651F56">
        <w:rPr>
          <w:rFonts w:ascii="Courier New" w:hAnsi="Courier New" w:cs="Courier New"/>
        </w:rPr>
        <w:t xml:space="preserve">cs0 \i\fs22\insrsid5798759\charrsid2451716 \'ab\'e7\'e0\'bb -  }{\rtlch\fcs1 \af0\afs22 \ltrch\fcs0 \i\fs22\insrsid5798759 340 138}{\rtlch\fcs1 \af0\afs22 \ltrch\fcs0 \i\fs22\insrsid5798759\charrsid2451716 ;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i\fs22\in</w:t>
      </w:r>
      <w:r w:rsidRPr="00651F56">
        <w:rPr>
          <w:rFonts w:ascii="Courier New" w:hAnsi="Courier New" w:cs="Courier New"/>
        </w:rPr>
        <w:t xml:space="preserve">srsid5798759      }{\rtlch\fcs1 \af0\afs22 \ltrch\fcs0 \i\fs22\insrsid5798759\charrsid2451716 \'ab\'ef\'f0\'ee\'f2\'e8\'e2\'bb -  0;}{\rtlch\fcs1 \af0\afs22 \ltrch\fcs0 \i\fs22\insrsid5798759      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i\fs22\insrsid57987</w:t>
      </w:r>
      <w:r w:rsidRPr="00651F56">
        <w:rPr>
          <w:rFonts w:ascii="Courier New" w:hAnsi="Courier New" w:cs="Courier New"/>
        </w:rPr>
        <w:t>59\charrsid2451716 \'ab\'e2\'ee\'e7\'e4\'e5\'f0\'e6\'e0\'eb\'f1\'ff\'bb - 0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8323676 {\rtlch\fcs1 \af0\afs22 \ltrch\fcs0 \b\fs22\cf6\insrsid47</w:t>
      </w:r>
      <w:r w:rsidRPr="00651F56">
        <w:rPr>
          <w:rFonts w:ascii="Courier New" w:hAnsi="Courier New" w:cs="Courier New"/>
        </w:rPr>
        <w:t xml:space="preserve">23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5000606 {\rtlch\fcs1 \af0\afs22 \ltrch\fcs0 \b\fs22\insrsid8323676\charrsid538368 \'d0\'e5\'f8\'e5\'ed\'e8\'e5 \'f1\'ee\'e1\'f0\'e0\'ed\</w:t>
      </w:r>
      <w:r w:rsidRPr="00651F56">
        <w:rPr>
          <w:rFonts w:ascii="Courier New" w:hAnsi="Courier New" w:cs="Courier New"/>
        </w:rPr>
        <w:t xml:space="preserve">'e8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e \'ef}{\rtlch\fcs1 \af0\afs22 \ltrch\fcs0 \b\fs22\insrsid8323676 \'ff\'f2\'ee\'ec\'f3}{\rtlch\fcs1 \af0\afs22 \ltrch\fcs0 \b\fs22\insrsid8323676\charrsid538368  \'e2\'ee\'ef\'f0\'ee\'f1\'f3 \'ef\'ee\'e2\'e5\'f1\'f2\'ea\'e8 \'e4\'ed\'ff: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b\fs22\cf6\insrsid8323676\charrsid538368  }{\rtlch\fcs1 \af0\afs22 \ltrch\fcs0 \fs22\insrsid5000606\charrsid5000606 {\*\bkmkstart _Hlk72509105}\'ce\'c4\'ce\'c1\'d0\'c8\'d2\'dc \'f1\'e4\'e5\'eb\'ea\'f3, \'f1\'ee\'e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f8\'e0\'e5\'ec\'f3\'fe \'f1 \'e7\'e0\'e8\'ed\'f2\'e5\'f0\'e5\'f1\'ee\'e2\'e0\'ed\'ed\'ee\'f1\'f2\'fc\'fe }{\rtlch\fcs1 \af0\afs22 \ltrch\fcs0 \fs22\cf17\insrsid5000606\charrsid5000606 \'ca\'ee\'ed\'e4\'f0\'e0\'f2\'ee\'e2\'e0 \'d0. \'c2., \'ff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b\'ff\'fe\'f9\'e5\'e3\'ee\'f1\'ff \'ea\'ee\'ed\'f2\'f0\'ee\'eb\'e8\'f0\'f3\'fe\'f9\'e8\'ec \'eb\'e8\'f6\'ee\'ec \'ce\'ce\'ce \'ab\'c0\'ea\'e2\'e0-\'d0\'e5\'f1\'f3\'f0\'f1\'fb\'bb, \'e2\'eb\'e0\'e4\'e5\'fe\'f9\'e5\'e3\'ee 43% \'e0\'ea\'f6\'e8\'e9 \'e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d3\'ca \'c7\'e0\'e5\'ec\'f9\'e8\'ea\'e0, \'e0 \'f2\'e0\'ea\'e6\'e5 \'ea\'ee\'ed\'f2\'f0\'ee\'eb\'e8\'f0\'f3\'fe\'f9\'e8\'ec \'eb\'e8\'f6\'ee\'ec \'ce\'ce\'ce \'c1\'e5\'f0\'e5\'e3\'e0 \'cf\'f0\'e8\'ec\'ee\'f0\'fc\'ff, \'e2\'eb\'e0\'e4\'e5\'fe\'f9\'e5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 21% \'e0\'ea\'f6\'e8\'e9 \'e2 \'d3\'ca \'c7\'e0\'e5\'ec\'f9\'e8\'ea\'e0 \'e8 \'ea\'ee\'ed\'f2\'f0\'ee\'eb\'e8\'f0\'f3\'fe\'f9\'e8\'ec \'eb\'e8\'f6\'ee\'ec \'ce\'ce\'ce \'ab\'c4\'e0\'eb\'fc\'d0\'fb\'e1\'cf\'ee\'f0\'f2\'bb 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2537047582) ~</w:t>
      </w:r>
      <w:r w:rsidRPr="00651F56">
        <w:rPr>
          <w:rFonts w:ascii="Courier New" w:hAnsi="Courier New" w:cs="Courier New"/>
        </w:rPr>
        <w:t xml:space="preserve"> 28% \'e2 \'d3\'ca \'c7\'e0\'e5\'ec\'f9\'e8\'ea\'e0), \'f1\'ee\'e2\'ec\'e5\'f1\'f2\'ed\'ee \'e2\'eb\'e0\'e4\'e5\'fe\'f9\'e8\'f5 93% \'e0\'ea\'f6\'e8\'e9 \'e2 \'d3\'ca \'c7\'e0\'e5\'ec\'f9\'e8\'ea\'e0, \'e2 \'f1\'e2\'ff\'e7\'e8 \'f1 \'f7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, \'e8\'ec</w:t>
      </w:r>
      <w:r w:rsidRPr="00651F56">
        <w:rPr>
          <w:rFonts w:ascii="Courier New" w:hAnsi="Courier New" w:cs="Courier New"/>
        </w:rPr>
        <w:t>\'e5\'e5\'f2\~\'ef\'f0\'e0\'e2\'ee \'ed\'e0\'e7\'ed\'e0\'f7\'e0\'f2\'fc (\'e8\'e7\'e1\'e8\'f0\'e0\'f2\'fc) \'e5\'e4\'e8\'ed\'ee\'eb\'e8\'f7\'ed\'fb\'e9 \'e8\'f1\'ef\'ee\'eb\'ed\'e8\'f2\'e5\'eb\'fc\'ed\'fb\'e9 \'ee\'f0\'e3\'e0\'ed, \'e0 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a\'e6\'</w:t>
      </w:r>
      <w:r w:rsidRPr="00651F56">
        <w:rPr>
          <w:rFonts w:ascii="Courier New" w:hAnsi="Courier New" w:cs="Courier New"/>
        </w:rPr>
        <w:t>e5 \'ff\'e2\'eb\'ff\'fe\'f9\'e5\'e3\'ee\'f1\'ff \'f7\'eb\'e5\'ed\'ee\'ec \'d1\'ee\'e2\'e5\'f2\'e0 \'c4\'e8\'f0\'e5\'ea\'f2\'ee\'f0\'ee\'e2, \'c5\'c8\'ce, \'ea\'ee\'ed\'f2\'f0\'ee\'eb\'e8\'f0\'f3\'fe\'f9\'e8\'ec \'eb\'e8\'f6\'ee\'ec \'ea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 \'cf\'ee\</w:t>
      </w:r>
      <w:r w:rsidRPr="00651F56">
        <w:rPr>
          <w:rFonts w:ascii="Courier New" w:hAnsi="Courier New" w:cs="Courier New"/>
        </w:rPr>
        <w:t>'f0\'f3\'f7\'e8\'f2\'e5\'eb\'ff, \'f2\'e0\'ea \'e8 \'c7\'e0\'e5\'ec\'f9\'e8\'ea\'e0 (\'ca\'ee\'ed\'e4\'f0\'e0\'f2\'ee\'e2 \'d0. \'c2. \'f7\'e5\'f0\'e5\'e7 \'ef\'ee\'e4\'ea\'ee\'ed\'f2\'f0\'ee\'eb\'fc\'ed\'ee\'e5 \'e5\'ec\'f3 \'eb\'e8\'f6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endash  \'c</w:t>
      </w:r>
      <w:r w:rsidRPr="00651F56">
        <w:rPr>
          <w:rFonts w:ascii="Courier New" w:hAnsi="Courier New" w:cs="Courier New"/>
        </w:rPr>
        <w:t>e\'ce\'ce \'ab\'c0\'ea\'e2\'e0-\'d0\'e5\'f1\'f3\'f0\'f1\'fb\'bb \'e2\'eb\'e0\'e4\'e5\'e5\'f2 28.78% \'e0\'ea\'f6\'e8\'e9 \'e2 \'d3\'ca \'cf\'ee\'f0\'f3\'f7\'e8\'f2\'e5\'eb\'ff, \'ed\'e5\'ef\'ee\'f1\'f0\'e5\'e4\'f1\'f2\'e2\'e5\'ed\'ed\'ee \'c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d\'e4</w:t>
      </w:r>
      <w:r w:rsidRPr="00651F56">
        <w:rPr>
          <w:rFonts w:ascii="Courier New" w:hAnsi="Courier New" w:cs="Courier New"/>
        </w:rPr>
        <w:t>\'f0\'e0\'f2\'ee\'e2\'f3 \'d0. \'c2. \'ef\'f0\'e8\'ed\'e0\'e4\'eb\'e5\'e6\'e8\'f2 28% \'e0\'ea\'f6\'e8\'e9 \'e2 \'d3\'ca \'cf\'ee\'f0\'f3\'f7\'e8\'f2\'e5\'eb\'ff, \'f2\'ee \'e5\'f1\'f2\'fc 56,78% \'e0\'ea\'f6\'e8\'e9 \'e2 \'d3\'ca \'cf\'ee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'f7\'e</w:t>
      </w:r>
      <w:r w:rsidRPr="00651F56">
        <w:rPr>
          <w:rFonts w:ascii="Courier New" w:hAnsi="Courier New" w:cs="Courier New"/>
        </w:rPr>
        <w:t>8\'f2\'e5\'eb\'ff); \'f1 \'e7\'e0\'e8\'ed\'f2\'e5\'f0\'e5\'f1\'ee\'e2\'e0\'ed\'ed\'ee\'f1\'f2\'fc\'fe \'c1\'e5\'f0\'eb\'e8\'ed\'f1\'ea\'ee\'e3\'ee \'d1\'e5\'f0\'e3\'e5\'ff \'c2\'e0\'f1\'e8\'eb\'fc\'e5\'e2\'e8\'f7\'e0, \'ff\'e2\'eb\'ff\'fe\'f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3\'ee</w:t>
      </w:r>
      <w:r w:rsidRPr="00651F56">
        <w:rPr>
          <w:rFonts w:ascii="Courier New" w:hAnsi="Courier New" w:cs="Courier New"/>
        </w:rPr>
        <w:t>\'f1\'ff\~\'f7\'eb\'e5\'ed\'ee\'ec \'d1\'ee\'e2\'e5\'f2\'e0 \'c4\'e8\'f0\'e5\'ea\'f2\'ee\'f0\'ee\'e2 \'cf\'ee\'f0\'f3\'f7\'e8\'f2\'e5\'eb\'ff, \'e0 \'f2\'e0\'ea\'e6\'e5\~\'c7\'e0\'e5\'ec\'f9\'e8\'ea\'e0 \endash  \'e2\'fb\'e3\'ee\'e4\'ee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8\'ee\'</w:t>
      </w:r>
      <w:r w:rsidRPr="00651F56">
        <w:rPr>
          <w:rFonts w:ascii="Courier New" w:hAnsi="Courier New" w:cs="Courier New"/>
        </w:rPr>
        <w:t>e1\'f0\'e5\'f2\'e0\'f2\'e5\'eb\'ff \'ef\'ee \'f1\'e4\'e5\'eb\'ea\'e5}{\rtlch\fcs1 \af0\afs22 \ltrch\fcs0 \fs22\insrsid5000606\charrsid5000606 , \'e0 \'e8\'ec\'e5\'ed\'ed\'ee \'e4\'ee\'e3\'ee\'e2\'ee\'f0 \'ef\'ee\'f0\'f3\'f7\'e8\'f2\'e5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c\'f1\'f2\'e</w:t>
      </w:r>
      <w:r w:rsidRPr="00651F56">
        <w:rPr>
          <w:rFonts w:ascii="Courier New" w:hAnsi="Courier New" w:cs="Courier New"/>
        </w:rPr>
        <w:t>2\'e0 \'b9\'c4\'cf2-\'d6\'d3-702750/2021/00011 \'ee\'f2 03.03.2021 \'e3\'ee\'e4\'e0 \'ec\'e5\'e6\'e4\'f3 \'c0\'ce \'ab\'d2\'e5\'f0\'ec\'e8\'ed\'e0\'eb \'c0\'f1\'f2\'e0\'f4\'fc\'e5\'e2\'e0\'bb (\'c8\'cd\'cd 2508001618) \'e8 \'c1\'e0\'ed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c \'c2\'</w:t>
      </w:r>
      <w:r w:rsidRPr="00651F56">
        <w:rPr>
          <w:rFonts w:ascii="Courier New" w:hAnsi="Courier New" w:cs="Courier New"/>
        </w:rPr>
        <w:t>d2\'c1 (\'ef\'f3\'e1\'eb\'e8\'f7\'ed\'ee\'e5 \'e0\'ea\'f6\'e8\'ee\'ed\'e5\'f0\'ed\'ee\'e5 \'ee\'e1\'f9\'e5\'f1\'f2\'e2\'ee) \'ef\'ee \'ea\'f0\'e5\'e4\'e8\'f2\'ed\'fb\'ec \'ee\'e1\'ff\'e7\'e0\'f2\'e5\'eb\'fc\'f1\'f2\'e2\'e0\'ec \'c0\'ce \'a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4\'c0\'cb\'</w:t>
      </w:r>
      <w:r w:rsidRPr="00651F56">
        <w:rPr>
          <w:rFonts w:ascii="Courier New" w:hAnsi="Courier New" w:cs="Courier New"/>
        </w:rPr>
        <w:t xml:space="preserve">dc\'ca\'ce\'cc\'d5\'ce\'cb\'ce\'c4\'bb (\'c8\'cd\'cd 2537003955) \'ef\'ee \'ea\'f0\'e5\'e4\'e8\'f2\'ed\'ee\'ec\'f3 \'f1\'ee\'e3\'eb\'e0\'f8\'e5\'ed\'e8\'fe \'b9\'ca\'d1-\'d6\'d3-702750/2021/00011 \'ee\'f2 03.03.2021 \'e3\'ee\'e4\'e0 \'ee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fb\'e4\'e0</w:t>
      </w:r>
      <w:r w:rsidRPr="00651F56">
        <w:rPr>
          <w:rFonts w:ascii="Courier New" w:hAnsi="Courier New" w:cs="Courier New"/>
        </w:rPr>
        <w:t>\'f7\'e5 \'ea\'f0\'e5\'e4\'e8\'f2\'e0 \'e2 \'e2\'e8\'e4\'e5 \'ea\'f0\'e5\'e4\'e8\'f2\'ed\'ee\'e9 \'eb\'e8\'ed\'e8\'e8 \'f1 \'eb\'e8\'ec\'e8\'f2\'ee\'ec \'e2\'fb\'e4\'e0\'f7\'e8, \'e2 \'f1\'f3\'ec\'ec\'e5 150 \'ec\'eb\'ed. \'f0\'f3\'e1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9, \'f1\'</w:t>
      </w:r>
      <w:r w:rsidRPr="00651F56">
        <w:rPr>
          <w:rFonts w:ascii="Courier New" w:hAnsi="Courier New" w:cs="Courier New"/>
        </w:rPr>
        <w:t>f0\'ee\'ea\'ee\'ec \'e4\'ee 1095 \'e4\'ed\'e5\'e9, \'e7\'e0\'ea\'eb\'fe\'f7\'e5\'ed\'ed\'ee\'ec\'f3 \'ec\'e5\'e6\'e4\'f3 \'c0\'ce \'ab\'c4\'c0\'cb\'dc\'ca\'ce\'cc\'d5\'ce\'cb\'ce\'c4\'bb (\'c8\'cd\'cd 2537003955)  \'e8 \'c1\'e0\'ed\'ea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 \'c2\'d2\'</w:t>
      </w:r>
      <w:r w:rsidRPr="00651F56">
        <w:rPr>
          <w:rFonts w:ascii="Courier New" w:hAnsi="Courier New" w:cs="Courier New"/>
        </w:rPr>
        <w:t>c1 (\'cf\'c0\'ce) \'ed\'e0 \'f1\'eb\'e5\'e4\'f3\'fe\'f9\'e8\'f5 \'f3\'f1\'eb\'ee\'e2\'e8\'ff\'f5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ee\'e4\'ee\'e1\'f0\'e8\'f2\'fc \'ea\'f0\'f3\'ef\'ed\'f3\'fe \'f1\'e4\'e5\'eb\'ea\'f3 \endash  \'e4\'ee\'e3\'ee\'e2\'ee\'f0 \'ef\'ee\'f0\'f3\'f7\'e8\'f</w:t>
      </w:r>
      <w:r w:rsidRPr="00651F56">
        <w:rPr>
          <w:rFonts w:ascii="Courier New" w:hAnsi="Courier New" w:cs="Courier New"/>
        </w:rPr>
        <w:t>2\'e5\'eb\'fc\'f1\'f2\'e2\'e0 \'b9\'c4\'cf2-\'d6\'d3-702750/2021/00011 \'ee\'f2 03.03.2021 \'e3\'ee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ec\'e5\'e6\'e4\'f3 \'c0\'ce \'ab\'d2\'e5\'f0\'ec\'e8\'ed\'e0\'eb \'c0\'f1\'f2\'e0\'f4\'fc\'e5\'e2\'e0\'bb (\'c8\'cd\'cd 2508001618) \'e8 \'c1\'e</w:t>
      </w:r>
      <w:r w:rsidRPr="00651F56">
        <w:rPr>
          <w:rFonts w:ascii="Courier New" w:hAnsi="Courier New" w:cs="Courier New"/>
        </w:rPr>
        <w:t>0\'ed\'ea\'ee\'ec \'c2\'d2\'c1 (\'ef\'f3\'e1\'eb\'e8\'f7\'ed\'ee\'e5 \'e0\'ea\'f6\'e8\'ee\'ed\'e5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5 \'ee\'e1\'f9\'e5\'f1\'f2\'e2\'ee) \'ef\'ee \'ea\'f0\'e5\'e4\'e8\'f2\'ed\'fb\'ec \'ee\'e1\'ff\'e7\'e0\'f2\'e5\'eb\'fc\'f1\'f2\'e2\'e0\'ec \'c</w:t>
      </w:r>
      <w:r w:rsidRPr="00651F56">
        <w:rPr>
          <w:rFonts w:ascii="Courier New" w:hAnsi="Courier New" w:cs="Courier New"/>
        </w:rPr>
        <w:t>0\'ce \'ab\'c4\'c0\'cb\'dc\'ca\'ce\'cc\'d5\'ce\'cb\'ce\'c4\'bb (\'c8\'cd\'cd 2537003955) \'ef\'ee 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5\'e4\'e8\'f2\'ed\'ee\'ec\'f3 \'f1\'ee\'e3\'eb\'e0\'f8\'e5\'ed\'e8\'fe \'b9\'ca\'d1-\'d6\'d3-702750/2021/00011 \'ee\'f2 03.03.2021 \'e3\'ee\'e4\'</w:t>
      </w:r>
      <w:r w:rsidRPr="00651F56">
        <w:rPr>
          <w:rFonts w:ascii="Courier New" w:hAnsi="Courier New" w:cs="Courier New"/>
        </w:rPr>
        <w:t>e0 \'ee \'e2\'fb\'e4\'e0\'f7\'e5 \'ea\'f0\'e5\'e4\'e8\'f2\'e0 \'e2 \'e2\'e8\'e4\'e5 \'ea\'f0\'e5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2\'ed\'ee\'e9 \'eb\'e8\'ed\'e8\'e8 \'f1 \'eb\'e8\'ec\'e8\'f2\'ee\'ec \'e2\'fb\'e4\'e0\'f7\'e8, \'e2 \'f1\'f3\'ec\'ec\'e5 150 \'ec\'eb\'ed. \'f0\'f3</w:t>
      </w:r>
      <w:r w:rsidRPr="00651F56">
        <w:rPr>
          <w:rFonts w:ascii="Courier New" w:hAnsi="Courier New" w:cs="Courier New"/>
        </w:rPr>
        <w:t>\'e1\'eb\'e5\'e9, \'f1\'f0\'ee\'ea\'ee\'ec \'e4\'ee 1095 \'e4\'ed\'e5\'e9, \'e7\'e0\'ea\'eb\'fe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ed\'ee\'ec\'f3 \'ec\'e5\'e6\'e4\'f3 \'c0\'ce \'ab\'c4\'c0\'cb\'dc\'ca\'ce\'cc\'d5\'ce\'cb\'ce\'c4\'bb (\'c8\'cd\'cd 2537003955)  \'e8 \'c1\'e0\'e</w:t>
      </w:r>
      <w:r w:rsidRPr="00651F56">
        <w:rPr>
          <w:rFonts w:ascii="Courier New" w:hAnsi="Courier New" w:cs="Courier New"/>
        </w:rPr>
        <w:t>d\'ea\'ee\'ec \'c2\'d2\'c1 {\*\bkmkend _Hlk72509105}(\'cf\'c0\'ce) \'ed\'e0 \'f1\'eb\'e5\'e4\'f3\'f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9\'e8\'f5 \'f3\'f1\'eb\'ee\'e2\'e8\'ff\'f5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widctlpar\wrapdefault\aspalpha\aspnum\faauto\adjustright\rin0\lin0\i</w:t>
      </w:r>
      <w:r w:rsidRPr="00651F56">
        <w:rPr>
          <w:rFonts w:ascii="Courier New" w:hAnsi="Courier New" w:cs="Courier New"/>
        </w:rPr>
        <w:t xml:space="preserve">tap0\pararsid5000606 {\rtlch\fcs1 \ab\af0\afs22 \ltrch\fcs0 \b\fs22\insrsid5000606\charrsid5000606 \'c2\'e8\'e4 \'f1\'e4\'e5\'eb\'ea\'e8: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0\afs22 \ltrch\fcs0 \fs22\insrsid5000606\charrsid5000606  \'ca\'f0\'e5\'e4\'e8\'f2\'ed\'e0\'ff \'</w:t>
      </w:r>
      <w:r w:rsidRPr="00651F56">
        <w:rPr>
          <w:rFonts w:ascii="Courier New" w:hAnsi="Courier New" w:cs="Courier New"/>
        </w:rPr>
        <w:t>eb\'e8\'ed\'e8\'ff \'f1 \'eb\'e8\'ec\'e8\'f2\'ee\'ec \'e2\'fb\'e4\'e0\'f7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567\li0\ri0\widctlpar\wrapdefault\aspalpha\aspnum\faauto\adjustright\rin0\lin0\itap0\pararsid5000606 {\rtlch\fcs1 \ab\af0\afs22 \ltrch\fcs0 \fs22\insr</w:t>
      </w:r>
      <w:r w:rsidRPr="00651F56">
        <w:rPr>
          <w:rFonts w:ascii="Courier New" w:hAnsi="Courier New" w:cs="Courier New"/>
        </w:rPr>
        <w:t>sid5000606\charrsid5000606 - \'ca\'f0\'e5\'e4\'e8\'f2\'ee\'f0 \endash  \'c1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 \'c2\'d2\'c1 (\'cf\'c0\'ce)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- \'c7\'e0\'e5\'ec\'f9\'e8\'ea \endash  \'c0\'ce \'ab\'c4\'e0\'eb\'fc\'ea\'ee\'ec\'f5\'ee\'eb\'ee\'e4\'bb (\'c8\'cd\'cd }{\rtlch\fcs</w:t>
      </w:r>
      <w:r w:rsidRPr="00651F56">
        <w:rPr>
          <w:rFonts w:ascii="Courier New" w:hAnsi="Courier New" w:cs="Courier New"/>
        </w:rPr>
        <w:t xml:space="preserve">1 \af0\afs22 \ltrch\fcs0 \fs22\insrsid5000606\charrsid5000606 2537003955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s22\insrsid5000606\charrsid5000606 ) 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widctlpar\wrapdefault\aspalpha\aspnum\faauto\adjustright\rin0</w:t>
      </w:r>
      <w:r w:rsidRPr="00651F56">
        <w:rPr>
          <w:rFonts w:ascii="Courier New" w:hAnsi="Courier New" w:cs="Courier New"/>
        </w:rPr>
        <w:t>\lin0\itap0\pararsid5000606 {\rtlch\fcs1 \ab\af0\afs22 \ltrch\fcs0 \b\fs22\insrsid5000606\charrsid5000606 \'d1\'f3\'ec\'ec\'e0 \'f1\'e4\'e5\'eb\'ea\'e8: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b\af0\afs22 \ltrch\fcs0 \fs22\insrsid5000606\charrsid5000606  150 000\~000,00 (\'f1\'f</w:t>
      </w:r>
      <w:r w:rsidRPr="00651F56">
        <w:rPr>
          <w:rFonts w:ascii="Courier New" w:hAnsi="Courier New" w:cs="Courier New"/>
        </w:rPr>
        <w:t xml:space="preserve">2\'ee \'ef\'ff\'f2\'fc\'e4\'e5\'f1\'ff\'f2 \'ec\'e8\'eb\'eb\'e8\'ee\'ed\'ee\'e2) \'f0\'f3\'e1\'eb\'e5\'e9}{\rtlch\fcs1 \ai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s22\insrsid5000606\charrsid500060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b\fs22\insrsid5000606\ch</w:t>
      </w:r>
      <w:r w:rsidRPr="00651F56">
        <w:rPr>
          <w:rFonts w:ascii="Courier New" w:hAnsi="Courier New" w:cs="Courier New"/>
        </w:rPr>
        <w:t xml:space="preserve">arrsid5000606 \'d1\'f0\'ee\'ea \'f1\'e4\'e5\'eb\'ea\'e8: 1095}{\rtlch\fcs1 \ab\af0\afs22 \ltrch\fcs0 \fs22\insrsid5000606\charrsid5000606  \'e4\'ed\'e5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b\fs22\insrsid5000606\charrsid5000606 \'d1\'f0\'ee\'</w:t>
      </w:r>
      <w:r w:rsidRPr="00651F56">
        <w:rPr>
          <w:rFonts w:ascii="Courier New" w:hAnsi="Courier New" w:cs="Courier New"/>
        </w:rPr>
        <w:t>ea \'e8\'f1\'ef\'ee\'eb\'fc\'e7\'ee\'e2\'e0\'ed\'e8\'ff: }{\rtlch\fcs1 \ab\af0\afs22 \ltrch\fcs0 \fs22\insrsid5000606\charrsid5000606 \'ee\'e1\'f9\'e8\'e9 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e\'ea \'ef\'f0\'e5\'e4\'ee\'f1\'f2\'e0\'e2\'eb\'e5\'ed\'e8\'ff \'ca\'f0\'e5\'e4\'e8\'f2\</w:t>
      </w:r>
      <w:r w:rsidRPr="00651F56">
        <w:rPr>
          <w:rFonts w:ascii="Courier New" w:hAnsi="Courier New" w:cs="Courier New"/>
        </w:rPr>
        <w:t xml:space="preserve">'ee\'e2 -}{\rtlch\fcs1 \ab\af0\afs22 \ltrch\fcs0 \b\fs22\insrsid5000606\charrsid5000606  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fs22\insrsid5000606\charrsid5000606 170 \'ea\'e0\'eb\'e5\'ed\'e4\'e0\'f0\'ed\'fb\'f5 \'e4\'ed\'e5\'e9 \'f1 \'e4\'e0\'f2\'fb </w:t>
      </w:r>
      <w:r w:rsidRPr="00651F56">
        <w:rPr>
          <w:rFonts w:ascii="Courier New" w:hAnsi="Courier New" w:cs="Courier New"/>
        </w:rPr>
        <w:t>\'e2\'f1\'f2\'f3\'ef\'eb\'e5\'ed\'e8\'ff \'d1\'ee\'e3\'eb\'e0\'f8\'e5\'ed\'e8\'ff \'e2 \'f1\'e8\'eb\'f3 \'e2\'ea\'eb\'fe\'f7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5\'eb\'fc\'ed\'ee. \'ca\'f0\'e5\'e4\'e8\'f2\'fb \'ef\'f0\'e5\'e4\'ee\'f1\'f2\'e0\'e2\'eb\'ff\'fe\'f2\'f1\'ff \'c7\'e0\'</w:t>
      </w:r>
      <w:r w:rsidRPr="00651F56">
        <w:rPr>
          <w:rFonts w:ascii="Courier New" w:hAnsi="Courier New" w:cs="Courier New"/>
        </w:rPr>
        <w:t>e5\'ec\'f9\'e8\'ea\'f3 \'e4\'ee \'e8\'f1\'f2\'e5\'f7\'e5\'ed\'e8\'ff \'ce\'e1\'f9\'e5\'e3\'ee \'f1\'f0\'ee\'ea\'e0 \'ef\'f0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e\'f1\'f2\'e0\'e2\'eb\'e5\'ed\'e8\'ff \'ca\'f0\'e5\'e4\'e8\'f2\'ee\'e2 \'ef\'ee\'f1\'eb\'e5 \'e2\'fb\'ef\'ee\'eb\'ed\'e5</w:t>
      </w:r>
      <w:r w:rsidRPr="00651F56">
        <w:rPr>
          <w:rFonts w:ascii="Courier New" w:hAnsi="Courier New" w:cs="Courier New"/>
        </w:rPr>
        <w:t>\'ed\'e8\'ff \'ee\'f2\'eb\'e0\'e3\'e0\'f2\'e5\'eb\'fc\'ed\'fb\'f5 \'f3\'f1\'eb\'ee\'e2\'e8\'e9, \'ef\'f0\'e5\'e4\'f3\'f1\'ec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f2\'f0\'e5\'ed\'ed\'fb\'f5 \'d1\'ee\'e3\'eb\'e0\'f8\'e5\'ed\'e8\'e5\'ec.  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fi708\li0\ri0\nowidctl</w:t>
      </w:r>
      <w:r w:rsidRPr="00651F56">
        <w:rPr>
          <w:rFonts w:ascii="Courier New" w:hAnsi="Courier New" w:cs="Courier New"/>
        </w:rPr>
        <w:t>par\wrapdefault\aspalpha\aspnum\faauto\adjustright\rin0\lin0\itap0\pararsid5000606 {\rtlch\fcs1 \ab\af0\afs22 \ltrch\fcs0 \b\fs22\insrsid5000606\charrsid5000606 \'c3\'f0\'e0\'f4\'e8\'ea \'ef\'ee\'e3\'e0\'f8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f:}{\rtlch\fcs1 \af0\afs22 \ltrch</w:t>
      </w:r>
      <w:r w:rsidRPr="00651F56">
        <w:rPr>
          <w:rFonts w:ascii="Courier New" w:hAnsi="Courier New" w:cs="Courier New"/>
        </w:rPr>
        <w:t>\fcs0 \fs22\insrsid5000606\charrsid5000606  \'c5\'e6\'e5\'ec\'e5\'f1\'ff\'f7\'ed\'ee, \'ed\'e0\'f7\'e8\'ed\'e0\'ff \'f1 25 \'ec\'e5\'f1\'ff\'f6\'e0 \'f1\'f0\'ee\'ea\'e0 \'e4\'e5\'e9\'f1\'f2\'e2\'e8\'ff \'ca\'f0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8\'f2\'ed\'ee\'e3\'ee \'f1\'ee\'e</w:t>
      </w:r>
      <w:r w:rsidRPr="00651F56">
        <w:rPr>
          <w:rFonts w:ascii="Courier New" w:hAnsi="Courier New" w:cs="Courier New"/>
        </w:rPr>
        <w:t>3\'eb\'e0\'f8\'e5\'ed\'e8\'ff, \'e2 \'ef\'e5\'f0\'e8\'ee\'e4 \'f1 15 \'ef\'ee 21 \'f7\'e8\'f1\'eb\'ee \'ea\'e0\'e6\'e4\'ee\'e3\'ee \'ec\'e5\'f1\'ff\'f6\'e0 \'ef\'ee 6 000 000 \'f0\'f3\'e1., (1-\'fb\'e9 \'ec\'e5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\'f6 \endash  \'ec\'e5\'f1\'ff\'f6 \</w:t>
      </w:r>
      <w:r w:rsidRPr="00651F56">
        <w:rPr>
          <w:rFonts w:ascii="Courier New" w:hAnsi="Courier New" w:cs="Courier New"/>
        </w:rPr>
        <w:t>'e7\'e0\'ea\'eb\'fe\'f7\'e5\'ed\'e8\'ff \'f1\'e4\'e5\'eb\'ea\'e8), \'ee\'f1\'f2\'e0\'f2\'ee\'ea \'e4\'ee\'eb\'e3\'e0 \endash  \'e2 \'ef\'ee\'f1\'eb\'e5\'e4\'ed\'e8\'e5 7 \'e4\'ed\'e5\'e9 \'f1\'f0\'ee\'ea\'e0 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9\'f1\'f2\'e2\'e8\'ff \'ca\'f0\'e5\</w:t>
      </w:r>
      <w:r w:rsidRPr="00651F56">
        <w:rPr>
          <w:rFonts w:ascii="Courier New" w:hAnsi="Courier New" w:cs="Courier New"/>
        </w:rPr>
        <w:t>'e4\'e8\'f2\'ed\'ee\'e3\'ee \'f1\'ee\'e3\'eb\'e0\'f8\'e5\'ed\'e8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\'e5\'ec\'f9\'e8\'ea \'ee\'e1\'ff\'e7\'f3\'e5\'f2\'f1\'ff \'ef\'f0\'ee\'e8\'e7\'e2\'e5\'f1\'f2\'e8 \'ef\'ee\'e3\'e0\'f8\'e5\'ed\'e8\'e5 (\'e2\'ee\'e7\'e2\'f0\'e0\'f2) \'ea\'</w:t>
      </w:r>
      <w:r w:rsidRPr="00651F56">
        <w:rPr>
          <w:rFonts w:ascii="Courier New" w:hAnsi="Courier New" w:cs="Courier New"/>
        </w:rPr>
        <w:t>f0\'e5\'e4\'e8\'f2\'ee\'e2 \'e2 \'e4\'e0\'f2\'f3, \'ed\'e0\'f1\'f2\'f3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fe\'f9\'f3\'fe \'f7\'e5\'f0\'e5\'e7 1095 \'ea\'e0\'eb\'e5\'ed\'e4\'e0\'f0\'ed\'fb\'f5 \'e4\'ed\'e5\'e9 \'f1 \'e4\'e0\'f2\'fb \'e2\'f1\'f2\'f3\'ef\'eb\'e5\'ed\'e8\'ff \'e2 \'f</w:t>
      </w:r>
      <w:r w:rsidRPr="00651F56">
        <w:rPr>
          <w:rFonts w:ascii="Courier New" w:hAnsi="Courier New" w:cs="Courier New"/>
        </w:rPr>
        <w:t>1\'e8\'eb\'f3 \'d1\'ee\'e3\'eb\'e0\'f8\'e5\'ed\'e8\'ff \'e2 \'ef\'ee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c \'f0\'e0\'e7\'ec\'e5\'f0\'e5 \'e2 \'f1\'ee\'ee\'f2\'e2\'e5\'f2\'f1\'f2\'e2\'e8\'e8 \'f1 \'c3\'f0\'e0\'f4\'e8\'ea\'ee\'ec \'ef\'ee\'e3\'e0\'f8\'e5\'ed\'e8\'ff (\'e2\'ee\'</w:t>
      </w:r>
      <w:r w:rsidRPr="00651F56">
        <w:rPr>
          <w:rFonts w:ascii="Courier New" w:hAnsi="Courier New" w:cs="Courier New"/>
        </w:rPr>
        <w:t>e7\'e2\'f0\'e0\'f2\'e0) \'ca\'f0\'e5\'e4\'e8\'f2\'ee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nowidctlpar\tx319\wrapdefault\hyphpar0\aspalpha\faroman\adjustright\rin0\lin0\itap0\pararsid5000606 \rtlch\fcs1 \af0\afs24\alang1025 \ltrch\fcs0 \f1\fs20\l</w:t>
      </w:r>
      <w:r w:rsidRPr="00651F56">
        <w:rPr>
          <w:rFonts w:ascii="Courier New" w:hAnsi="Courier New" w:cs="Courier New"/>
        </w:rPr>
        <w:t xml:space="preserve">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b\af0\afs22 \ltrch\fcs0 \b\f0\fs22\insrsid5000606\charrsid5000606 \tab \'d6\'e5\'eb\'e5\'e2\'ee\'e5 \'ed\'e0\'e7\'ed\'e0\'f7\'e5\'ed\'e8\'e5}{\rtlch\fcs1 \af0\afs22 \ltrch\fcs0 \f0\fs22\insr</w:t>
      </w:r>
      <w:r w:rsidRPr="00651F56">
        <w:rPr>
          <w:rFonts w:ascii="Courier New" w:hAnsi="Courier New" w:cs="Courier New"/>
        </w:rPr>
        <w:t xml:space="preserve">sid5000606\charrsid500060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3\fs22\insrsid5000606\charrsid5000606 \loch\af3\dbch\af0\hich\f3 \'b7\tab}}\pard \ltr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s43\qj \fi-360\li360\ri0\widctlpar\wrapdefault\hyphpar0\aspa</w:t>
      </w:r>
      <w:r w:rsidRPr="00651F56">
        <w:rPr>
          <w:rFonts w:ascii="Courier New" w:hAnsi="Courier New" w:cs="Courier New"/>
        </w:rPr>
        <w:t>lpha\faroman\ls49\adjustright\rin0\lin360\itap0\pararsid5000606 {\rtlch\fcs1 \af0\afs22 \ltrch\fcs0 \f0\fs22\insrsid5000606\charrsid5000606 \'d4\'e8\'ed\'e0\'ed\'f1\'e8\'f0\'ee\'e2\'e0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f2\'e5\'ea\'f3\'f9\'e5\'e9 \'e4\'e5\'ff\'f2\'e5\'eb\'fc</w:t>
      </w:r>
      <w:r w:rsidRPr="00651F56">
        <w:rPr>
          <w:rFonts w:ascii="Courier New" w:hAnsi="Courier New" w:cs="Courier New"/>
        </w:rPr>
        <w:t>\'ed\'ee\'f1\'f2\'e8 \'e8 \'f4\'e8\'ed\'e0\'ed\'f1\'e8\'f0\'ee\'e2\'e0\'ed\'e8\'e5 \'e4\'e5\'ff\'f2\'e5\'eb\'fc\'ed\'ee\'f1\'f2\'e8, \'ef\'f0\'e5\'e4\'f3\'f1\'ec\'ee\'f2\'f0\'e5\'ed\'ed\'ee\'e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f3\'f1\'f2\'e0\'e2\'ee\'ec \'c7\'e0\'e5\'ec\'f9\'e8\'ea\'e</w:t>
      </w:r>
      <w:r w:rsidRPr="00651F56">
        <w:rPr>
          <w:rFonts w:ascii="Courier New" w:hAnsi="Courier New" w:cs="Courier New"/>
        </w:rPr>
        <w:t xml:space="preserve">0, \'e2 \'f0\'e0\'ec\'ea\'e0\'f5 \'e5\'e3\'ee \'ee\'e1\'fb\'f7\'ed\'ee\'e9 \'f5\'ee\'e7\'ff\'e9\'f1\'f2\'e2\'e5\'ed\'ed\'ee\'e9 \'e4\'e5\'ff\'f2\'e5\'eb\'fc\'ed\'ee\'f1\'f2\'e8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</w:t>
      </w:r>
      <w:r w:rsidRPr="00651F56">
        <w:rPr>
          <w:rFonts w:ascii="Courier New" w:hAnsi="Courier New" w:cs="Courier New"/>
        </w:rPr>
        <w:t>3\fs22\insrsid5000606\charrsid5000606 \loch\af3\dbch\af0\hich\f3 \'b7\tab}}\pard \ltrpar\s43\qj \fi-283\li319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x360\wrapdefault\hyphpar0\aspalpha\faroman\ls49\adjustright\rin0\lin319\itap0\pararsid5000606 {\rtlch\fcs1 \af0\afs22 \ltrch\fcs0</w:t>
      </w:r>
      <w:r w:rsidRPr="00651F56">
        <w:rPr>
          <w:rFonts w:ascii="Courier New" w:hAnsi="Courier New" w:cs="Courier New"/>
        </w:rPr>
        <w:t xml:space="preserve"> \f0\fs22\insrsid5000606\charrsid5000606 \'cf\'f0\'e8\'ee\'e1\'f0\'e5\'f2\'e5\'ed\'e8\'e5, \'f0\'e5\'ec\'ee\'ed\'f2, 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e\'e4\'e5\'f0\'ed\'e8\'e7\'e0\'f6\'e8\'ff \'ee\'f1\'ed\'ee\'e2\'ed\'fb\'f5 \'f1\'f0\'e5\'e4\'f1\'f2\'e2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43</w:t>
      </w:r>
      <w:r w:rsidRPr="00651F56">
        <w:rPr>
          <w:rFonts w:ascii="Courier New" w:hAnsi="Courier New" w:cs="Courier New"/>
        </w:rPr>
        <w:t xml:space="preserve">\qj \li0\ri0\nowidctlpar\tx305\wrapdefault\aspalpha\aspnum\faauto\adjustright\rin0\lin0\itap0\pararsid5000606 {\rtlch\fcs1 \ai\af0\afs22 \ltrch\fcs0 \b\f0\fs22\insrsid5000606\charrsid5000606 \'ce\'e1\'e5\'f1\'ef\'e5\'f7\'e5\'ed\'e8\'e5: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</w:t>
      </w:r>
      <w:r w:rsidRPr="00651F56">
        <w:rPr>
          <w:rFonts w:ascii="Courier New" w:hAnsi="Courier New" w:cs="Courier New"/>
        </w:rPr>
        <w:t>rpar\s43\qj \li34\ri0\widctlpar\wrapdefault\aspalpha\aspnum\faauto\adjustright\rin0\lin34\itap0\pararsid5000606 {\rtlch\fcs1 \ai\af0\afs22 \ltrch\fcs0 \f0\fs22\insrsid5000606\charrsid5000606 \'ef\'ee\'f0\'f3\'f7\'e8\'f2\'e5\'eb\'fc\'f1\'f2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 \'f2\'</w:t>
      </w:r>
      <w:r w:rsidRPr="00651F56">
        <w:rPr>
          <w:rFonts w:ascii="Courier New" w:hAnsi="Courier New" w:cs="Courier New"/>
        </w:rPr>
        <w:t xml:space="preserve">f0\'e5\'f2\'fc\'e8\'f5 \'eb\'e8\'f6:}{\rtlch\fcs1 \af0\afs22 \ltrch\fcs0 \f0\fs22\insrsid5000606\charrsid5000606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5000606\charrsid5000606 \hich\af0\dbch\af0\loch\f0 -\</w:t>
      </w:r>
      <w:r w:rsidRPr="00651F56">
        <w:rPr>
          <w:rFonts w:ascii="Courier New" w:hAnsi="Courier New" w:cs="Courier New"/>
        </w:rPr>
        <w:t>tab}}\pard \ltrpar\s43\qj \fi-283\li317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x317\wrapdefault\aspalpha\aspnum\faauto\ls41\adjustright\rin0\lin317\itap0\pararsid5000606 {\rtlch\fcs1 \af0\afs22 \ltrch\fcs0 \f0\fs22\insrsid5000606\charrsid5000606 \'ce\'ce\'ce \'ab\'c4\'e0\'eb\'f</w:t>
      </w:r>
      <w:r w:rsidRPr="00651F56">
        <w:rPr>
          <w:rFonts w:ascii="Courier New" w:hAnsi="Courier New" w:cs="Courier New"/>
        </w:rPr>
        <w:t>c\'d0\'fb\'e1\'cf\'ee\'f0\'f2\'bb 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2537047582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s43\qj \li0\ri0\widctlpar\tx317\wrapdefault\aspalpha\aspnum\faauto\adjustright\rin0\lin0\itap0\pararsid5000606 {\rtlch\fcs1 \af0\afs22 \ltrch\fcs0 \f0\fs22\insrsid5000606\c</w:t>
      </w:r>
      <w:r w:rsidRPr="00651F56">
        <w:rPr>
          <w:rFonts w:ascii="Courier New" w:hAnsi="Courier New" w:cs="Courier New"/>
        </w:rPr>
        <w:t xml:space="preserve">harrsid5000606 -    \'c0\'ce \'ab\'d2\'e5\'f0\'ec\'e8\'ed\'e0\'eb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0\'f1\'f2\'e0\'f4\'fc\'e5\'e2\'e0\'bb (\'c8\'cd\'cd 2508001618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5000606\charrsid5000606 \hich\af</w:t>
      </w:r>
      <w:r w:rsidRPr="00651F56">
        <w:rPr>
          <w:rFonts w:ascii="Courier New" w:hAnsi="Courier New" w:cs="Courier New"/>
        </w:rPr>
        <w:t>0\dbch\af0\loch\f0 -\tab}}\pard \ltrpar\s43\qj \fi-283\li317\ri0\widctlpar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tx317\wrapdefault\aspalpha\aspnum\faauto\ls41\adjustright\rin0\lin317\itap0\pararsid5000606 {\rtlch\fcs1 \af0\afs22 \ltrch\fcs0 \f0\fs22\insrsid5000606\charrsid5000606 \'d0\'fb\'e</w:t>
      </w:r>
      <w:r w:rsidRPr="00651F56">
        <w:rPr>
          <w:rFonts w:ascii="Courier New" w:hAnsi="Courier New" w:cs="Courier New"/>
        </w:rPr>
        <w:t>1\'ee\'eb\'ee\'e2\'e5\'f6\'ea\'e8\'e9 \'ea\'ee\'eb\'f5\'ee\'e7 \'ab\'ce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8 \'c2\'ee\'f1\'f2\'ee\'ea\'e0\'bb (\'c8\'cd\'cd 2528004952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5000606\charrsid500060</w:t>
      </w:r>
      <w:r w:rsidRPr="00651F56">
        <w:rPr>
          <w:rFonts w:ascii="Courier New" w:hAnsi="Courier New" w:cs="Courier New"/>
        </w:rPr>
        <w:t>6 \hich\af0\dbch\af0\loch\f0 -\tab}\'ce\'ce\'ce \'ab\'c0\'ea\'e2\'e0-\'d0\'e5\'f1\'f3\'f0\'f1\'fb\'bb (\'c8\'cd\'cd 253705259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5000606\charrsid5000606 \hich\af0\dbch\</w:t>
      </w:r>
      <w:r w:rsidRPr="00651F56">
        <w:rPr>
          <w:rFonts w:ascii="Courier New" w:hAnsi="Courier New" w:cs="Courier New"/>
        </w:rPr>
        <w:t>af0\loch\f0 -\tab}\'ce\'ce\'ce \'ab\'cc\'e0\'e3\'e8\'f1\'f2\'f0\'e0\'eb\'fc-\'c4\'c2\'bb (\'c8\'cd\'cd 254007789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5000606\charrsid5000606 \hich\af0\dbch\af0\loch\f0 -</w:t>
      </w:r>
      <w:r w:rsidRPr="00651F56">
        <w:rPr>
          <w:rFonts w:ascii="Courier New" w:hAnsi="Courier New" w:cs="Courier New"/>
        </w:rPr>
        <w:t>\tab}\'ce\'ce\'ce \'ab\'c4\'e0\'eb\'fc\'ed\'e5\'e2\'ee\'f1\'f2\'ee\'f7\'ed\'e0\'ff \'f2\'f0\'e0\'ed\'f1\'ef\'ee\'f0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0\'ff \'ea\'ee\'ec\'ef\'e0\'ed\'e8\'ff\'bb (\'c8\'cd\'cd 2537089310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</w:t>
      </w:r>
      <w:r w:rsidRPr="00651F56">
        <w:rPr>
          <w:rFonts w:ascii="Courier New" w:hAnsi="Courier New" w:cs="Courier New"/>
        </w:rPr>
        <w:t>fs22 \ltrch\fcs0 \fs22\insrsid5000606\charrsid5000606 \hich\af0\dbch\af0\loch\f0 -\tab}\'ce\'ce\'ce \'ab\'d2\'e8\'f5\'ee\'ee\'ea\'e5\'e0\'ed\'f1\'ea\'e8\'e9 \'e1\'e0\'eb\'ea\'e5\'f0\'ed\'fb\'e9 \'f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c\'e8\'ed\'e0\'eb\'bb (\'c8\'cd\'cd 253713161</w:t>
      </w:r>
      <w:r w:rsidRPr="00651F56">
        <w:rPr>
          <w:rFonts w:ascii="Courier New" w:hAnsi="Courier New" w:cs="Courier New"/>
        </w:rPr>
        <w:t>1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5000606\charrsid5000606 \hich\af0\dbch\af0\loch\f0 -\tab}\'ce\'ce\'ce \'ab\'d2\'e5\'f0\'ec\'e8\'ed\'e0\'eb \'c0\'f1\'f2\'e0\'f4\'fc\'e5\'e2\'e0\'bb (\'c8\'cd\'c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</w:t>
      </w:r>
      <w:r w:rsidRPr="00651F56">
        <w:rPr>
          <w:rFonts w:ascii="Courier New" w:hAnsi="Courier New" w:cs="Courier New"/>
        </w:rPr>
        <w:t>2508129784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5000606\charrsid5000606 \hich\af0\dbch\af0\loch\f0 -\tab}\'ce\'ce\'ce \'ab\'c1\'e5\'f0\'e5\'e3\'e0 \'cf\'f0\'e8\'ec\'ee\'f0\'fc\'ff\'bb (\'c8\'cd\'cd 25370</w:t>
      </w:r>
      <w:r w:rsidRPr="00651F56">
        <w:rPr>
          <w:rFonts w:ascii="Courier New" w:hAnsi="Courier New" w:cs="Courier New"/>
        </w:rPr>
        <w:t>82386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{\listtext\pard\plain\ltrpar \s43 \rtlch\fcs1 \af0\afs22 \ltrch\fcs0 \fs22\insrsid5000606\charrsid5000606 \hich\af0\dbch\af0\loch\f0 -\tab}\'ce\'ce\'ce \'ab\'c0\'ea\'e2\'e0\'e8\'ed\'e4\'f3\'f1\'f2\'f0\'e8\'ff\'bb (\'c8\'cd\'cd 2537067613)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</w:t>
      </w:r>
      <w:r w:rsidRPr="00651F56">
        <w:rPr>
          <w:rFonts w:ascii="Courier New" w:hAnsi="Courier New" w:cs="Courier New"/>
        </w:rPr>
        <w:t xml:space="preserve">par }\pard\plain \ltrpar\s54\qj \li0\ri0\nowidctlpar\wrapdefault\faauto\rin0\lin0\itap0\pararsid5000606 \rtlch\fcs1 \af1\afs24\alang1025 \ltrch\fcs0 \f1\fs24\cf1\lang1049\langfe1049\cgrid\langnp1049\langfenp1049 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0\fs</w:t>
      </w:r>
      <w:r w:rsidRPr="00651F56">
        <w:rPr>
          <w:rFonts w:ascii="Courier New" w:hAnsi="Courier New" w:cs="Courier New"/>
        </w:rPr>
        <w:t xml:space="preserve">22\insrsid5000606\charrsid5000606 - \'ca\'ee\'ed\'e4\'f0\'e0\'f2\'ee\'e2 \'d0\'f3\'f1\'eb\'e0\'ed \'c2\'e8\'ea\'f2\'ee\'f0\'ee\'e2\'e8\'f7;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0\fs22\cf0\insrsid5000606\charrsid5000606 \'c2\'e8\'e4 \'ee\'f2\'e2\'e</w:t>
      </w:r>
      <w:r w:rsidRPr="00651F56">
        <w:rPr>
          <w:rFonts w:ascii="Courier New" w:hAnsi="Courier New" w:cs="Courier New"/>
        </w:rPr>
        <w:t xml:space="preserve">5\'f2\'f1\'f2\'e2\'e5\'ed\'ed\'ee\'f1\'f2\'e8 \'ef\'ee\'f0\'f3\'f7\'e8\'f2\'e5\'eb\'ff: \'f1\'ee\'eb\'e8\'e4\'e0\'f0\'ed\'e0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0\'e0\'e7\'ec\'e5\'f0 \'ee\'f2\'e2\'e5\'f2\'f1\'f2\'e2\'e5\'ed\'ed\'ee\'f1\'f2\'e8 \'ef\'ee\'f0\'f3\'f7\'e8\'f2\'e5\'</w:t>
      </w:r>
      <w:r w:rsidRPr="00651F56">
        <w:rPr>
          <w:rFonts w:ascii="Courier New" w:hAnsi="Courier New" w:cs="Courier New"/>
        </w:rPr>
        <w:t>eb\'ff: \'ed\'e0 \'e2\'f1\'fe \'f1\'f3\'ec\'ec\'f3 \'ee\'e1\'ff\'e7\'e0\'f2\'e5\'eb\'fc\'f1\'f2\'e2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widctlpar\tx350\wrapdefault\aspalpha\aspnum\faauto\adjustright\rin0\lin0\itap0\pararsid5000606 \rtlch\fcs1 \af0\</w:t>
      </w:r>
      <w:r w:rsidRPr="00651F56">
        <w:rPr>
          <w:rFonts w:ascii="Courier New" w:hAnsi="Courier New" w:cs="Courier New"/>
        </w:rPr>
        <w:t xml:space="preserve">afs24\alang1025 \ltrch\fcs0 \f1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0\fs22\insrsid5000606\charrsid5000606 \'c7\'e0\'eb\'ee\'e3 \'e4\'e2\'e8\'e6\'e8\'ec\'ee\'e3\'ee \'e8\'ec\'f3\'f9\'e5\'f1\'f2\'e2\</w:t>
      </w:r>
      <w:r w:rsidRPr="00651F56">
        <w:rPr>
          <w:rFonts w:ascii="Courier New" w:hAnsi="Courier New" w:cs="Courier New"/>
        </w:rPr>
        <w:t>'e0 (\'f1\'ef\'e5\'f6\'f2\'e5\'f5\'ed\'e8\'ea\'e8), \'ef\'f0\'e8\'ed\'e0\'e4\'eb\'e5\'e6\'e0\'f9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 \'c0\'ce \'ab\'d2\'e5\'f0\'ec\'e8\'ed\'e0\'eb \'c0\'f1\'f2\'e0\'f4\'fc\'e5\'e2\'e0\'bb \'e2 \'f1\'ee\'ee\'f2\'e2\'e5\'f2\'f1\'f2\'e2\'e8\'e8 \'f1</w:t>
      </w:r>
      <w:r w:rsidRPr="00651F56">
        <w:rPr>
          <w:rFonts w:ascii="Courier New" w:hAnsi="Courier New" w:cs="Courier New"/>
        </w:rPr>
        <w:t xml:space="preserve"> \'e4\'ee\'e3\'ee\'e2\'ee\'f0\'ee\'ec \'ee \'e7\'e0\'eb\'ee\'e3\'e5, \'ea\'ee\'f2\'ee\'f0\'fb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e\'e4\'eb\'e5\'e6\'e8\'f2 \'e7\'e0\'ea\'eb\'fe\'f7\'e5\'ed\'e8\'fe \'ec\'e5\'e6\'e4\'f3 \'ca\'f0\'e5\'e4\'e8\'f2\'ee\'f0\'ee\'ec \'e8 \'c7\'e0\'e5\'e</w:t>
      </w:r>
      <w:r w:rsidRPr="00651F56">
        <w:rPr>
          <w:rFonts w:ascii="Courier New" w:hAnsi="Courier New" w:cs="Courier New"/>
        </w:rPr>
        <w:t>c\'f9\'e8\'ea\'ee\'ec \'ef\'ee \'f4\'ee\'f0\'ec\'e5, \'ef\'f0\'e5\'e4\'eb\'ee\'e6\'e5\'ed\'ed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9 \'ca\'f0\'e5\'e4\'e8\'f2\'ee\'f0\'ee\'ec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tqc\tx4677\tqr\tx9355\wrapdefault\aspalpha\aspnum\faauto\adju</w:t>
      </w:r>
      <w:r w:rsidRPr="00651F56">
        <w:rPr>
          <w:rFonts w:ascii="Courier New" w:hAnsi="Courier New" w:cs="Courier New"/>
        </w:rPr>
        <w:t>stright\rin0\lin0\itap0\pararsid5000606 \rtlch\fcs1 \af0\afs20\alang1025 \ltrch\fcs0 \fs20\lang1049\langfe1049\cgrid\langn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b\af0\afs22 \ltrch\fcs0 \b\fs22\insrsid5000606\charrsid5000606 \'cf\'f0\'ee\'f6\'e5\'ed\'f2\'ed\'e</w:t>
      </w:r>
      <w:r w:rsidRPr="00651F56">
        <w:rPr>
          <w:rFonts w:ascii="Courier New" w:hAnsi="Courier New" w:cs="Courier New"/>
        </w:rPr>
        <w:t>0\'ff \'f1\'f2\'e0\'e2\'ea\'e0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54\qj \li0\ri0\nowidctlpar\wrapdefault\faauto\rin0\lin0\itap0\pararsid5000606 \rtlch\fcs1 \af1\afs24\alang1025 \ltrch\fcs0 \f1\fs24\cf1\lang1049\langfe1049\cgrid\langnp1049\langfenp1049 {\rtlch\fc</w:t>
      </w:r>
      <w:r w:rsidRPr="00651F56">
        <w:rPr>
          <w:rFonts w:ascii="Courier New" w:hAnsi="Courier New" w:cs="Courier New"/>
        </w:rPr>
        <w:t xml:space="preserve">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cf0\lang1049\langfe1033\loch\af0\hich\af0\dbch\af39\langfenp1033\insrsid5000606\charrsid5000606 \loch\af0\dbch\af39\hich\f0 \'c8\'ed\'e4\'e8\'e2\'e8\'e4\'f3\'e0\'eb\'fc\'ed\'e0\'ff\loch\f0 \hich\f0  \'ef\'eb\'e0\'e2\'e0\'f</w:t>
      </w:r>
      <w:r w:rsidRPr="00651F56">
        <w:rPr>
          <w:rFonts w:ascii="Courier New" w:hAnsi="Courier New" w:cs="Courier New"/>
        </w:rPr>
        <w:t xml:space="preserve">e\'f9\'e0\'ff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hich\f0  \'ef\'f0\'ee\'f6\'e5\'ed\'f2\'ed\'e0\'ff\loch\f0 \hich\f0  \'f1\'f2\'e0\'e2\'ea\'e0\loch\f0 \hich\f0  \'ed\'e0\loch\f0 \hich\f0  \'e1\'e0\'e7\'e5\loch\f0 \hich\f0  \'ea\'eb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cf0\l</w:t>
      </w:r>
      <w:r w:rsidRPr="00651F56">
        <w:rPr>
          <w:rFonts w:ascii="Courier New" w:hAnsi="Courier New" w:cs="Courier New"/>
        </w:rPr>
        <w:t xml:space="preserve">ang1049\langfe1033\loch\af0\hich\af0\dbch\af39\langfenp1033\insrsid5000606\charrsid5000606\hres1\chhres0 \loch\af0\dbch\af39\hich\f0 \'fe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cf0\lang1049\langfe1033\loch\af0\hich\af0\dbch\af39\langfenp1033\insrsid50</w:t>
      </w:r>
      <w:r w:rsidRPr="00651F56">
        <w:rPr>
          <w:rFonts w:ascii="Courier New" w:hAnsi="Courier New" w:cs="Courier New"/>
        </w:rPr>
        <w:t>00606\charrsid5000606 \loch\af0\dbch\af39\hich\f0 \'f7\'e5\'e2\'ee\'e9\loch\f0 \hich\f0  \'f1\'f2\'e0\'e2\'ea\'e8\loch\f0 \hich\f0  \'c1\'e0\'ed\'ea\'e0\loch\f0 \hich\f0  \'d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f1\'f1\'e8\'e8\loch\f0 \hich\f0 , \'f3\'f2\'e2\'e5\'f0\'e6\'e4\'e5\'ed\'e</w:t>
      </w:r>
      <w:r w:rsidRPr="00651F56">
        <w:rPr>
          <w:rFonts w:ascii="Courier New" w:hAnsi="Courier New" w:cs="Courier New"/>
        </w:rPr>
        <w:t>d\'e0\'ff\loch\f0 \hich\f0  \'e2\loch\f0 \hich\f0  \'f1\'ee\'ee\'f2\'e2\'e5\'f2\'f1\'f2\'e2\'e8\'e8\loch\f0 \hich\f0  \'f1\loch\f0 \hich\f0  \'f3\'f1\'f2\'e0\'ed\'ee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s22\cf0\lang1049\langfe1033\loch\af0\hich\af0\dbch</w:t>
      </w:r>
      <w:r w:rsidRPr="00651F56">
        <w:rPr>
          <w:rFonts w:ascii="Courier New" w:hAnsi="Courier New" w:cs="Courier New"/>
        </w:rPr>
        <w:t xml:space="preserve">\af39\langfenp1033\insrsid5000606\charrsid5000606\hres1\chhres0 \loch\af0\dbch\af39\hich\f0 \'e2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cf0\lang1049\langfe1033\loch\af0\hich\af0\dbch\af39\langfenp1033\insrsid5000606\charrsid5000606 \loch\af0\dbch\af39</w:t>
      </w:r>
      <w:r w:rsidRPr="00651F56">
        <w:rPr>
          <w:rFonts w:ascii="Courier New" w:hAnsi="Courier New" w:cs="Courier New"/>
        </w:rPr>
        <w:t>\hich\f0 \'eb\'e5\'ed\'ed\'fb\'ec\loch\f0 \hich\f0  \'e2\loch\f0 \hich\f0  \'c1\'e0\'ed\'ea\'e5\loch\f0 \hich\f0  \'ef\'ee\'f0\'ff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e\'ec\loch\f0 \hich\f0 , \'ee\'ef\'f0\'e5\'e4\'e5\'eb\'ff\'e5\'f2\'f1\'ff\loch\f0 \hich\f0  \'ea\'e0\'ea}{\rtlch\</w:t>
      </w:r>
      <w:r w:rsidRPr="00651F56">
        <w:rPr>
          <w:rFonts w:ascii="Courier New" w:hAnsi="Courier New" w:cs="Courier New"/>
        </w:rPr>
        <w:t xml:space="preserve">fcs1 \af0\afs22 \ltrch\fcs0 \i\f0\fs22\cf0\insrsid5000606\charrsid5000606  \'ca\'eb\'fe\'f7\'e5\'e2\'e0\'ff \'f1\'f2\'e0\'e2\'ea\'e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1\'e0\'ed\'ea\'e0 \'d0\'ee\'f1\'f1\'e8\'e8, \'f3\'e2\'e5\'eb\'e8\'f7\'e5\'ed\'ed\'e0\'ff \'ed\'e0  2,74  \'ef\'f0\'ee\</w:t>
      </w:r>
      <w:r w:rsidRPr="00651F56">
        <w:rPr>
          <w:rFonts w:ascii="Courier New" w:hAnsi="Courier New" w:cs="Courier New"/>
        </w:rPr>
        <w:t>'f6\'e5\'ed\'f2\'e0 \'e3\'ee\'e4\'ee\'e2\'fb\'f5}{\rtlch\fcs1 \af0\afs22 \ltrch\fcs0 \f0\fs22\cf0\insrsid5000606\charrsid5000606 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6\ql \li0\ri0\widctlpar\tqc\tx4153\tqr\tx8306\wrapdefault\aspalpha\aspnum\faauto\adjustright\r</w:t>
      </w:r>
      <w:r w:rsidRPr="00651F56">
        <w:rPr>
          <w:rFonts w:ascii="Courier New" w:hAnsi="Courier New" w:cs="Courier New"/>
        </w:rPr>
        <w:t>in0\lin0\itap0\pararsid5000606 \rtlch\fcs1 \af0\afs20\alang1025 \ltrch\fcs0 \fs20\lang1049\langfe1049\cgrid\langn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s22\insrsid5000606\charrsid5000606 \'c7\'ed\'e0\'f7\'e5\'ed\'e8\'e5 \'ea\'eb\'fe\'f7</w:t>
      </w:r>
      <w:r w:rsidRPr="00651F56">
        <w:rPr>
          <w:rFonts w:ascii="Courier New" w:hAnsi="Courier New" w:cs="Courier New"/>
        </w:rPr>
        <w:t>\'e5\'e2\'ee\'e9 \'f1\'f2\'e0\'e2\'ea\'e8 \'c1\'e0\'ed\'ea\'e0 \'d0\'ee\'f1\'f1\'e8\'e8 \'ee\'ef\'f0\'e5\'e4\'e5\'eb\'ff\'e5\'f2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 \'ed\'e0 \'ee\'f1\'ed\'ee\'e2\'e0\'ed\'e8\'e8 \'e8\'ed\'f4\'ee\'f0\'ec\'e0\'f6\'e8\'e8, \'f0\'e0\'e7\'ec\'e5\'f9\'e5\</w:t>
      </w:r>
      <w:r w:rsidRPr="00651F56">
        <w:rPr>
          <w:rFonts w:ascii="Courier New" w:hAnsi="Courier New" w:cs="Courier New"/>
        </w:rPr>
        <w:t>'ed\'ed\'ee\'e9 \'ed\'e0 \'ee\'f4\'e8\'f6\'e8\'e0\'eb\'fc\'ed\'ee\'ec \'f1\'e0\'e9\'f2\'e5 \'c1\'e0\'ed\'ea\'e0 \'d0\'ee\'f1\'f1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 \'e2 \'f1\'e5\'f2\'e8 \'c8\'ed\'f2\'e5\'f0\'ed\'e5\'f2 (\'ed\'e0 \'f1\'e0\'e9\'f2\'e5 www.cbr.ru \'e8\'eb\'e8 \'e8\'e</w:t>
      </w:r>
      <w:r w:rsidRPr="00651F56">
        <w:rPr>
          <w:rFonts w:ascii="Courier New" w:hAnsi="Courier New" w:cs="Courier New"/>
        </w:rPr>
        <w:t>d\'ee\'ec \'ee\'f4\'e8\'f6\'e8\'e0\'eb\'fc\'ed\'ee\'ec \'f1\'e0\'e9\'f2\'e5 \'c1\'e0\'ed\'ea\'e0 \'d0\'ee\'f1\'f1\'e8\'e8 \'e2 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3\'f7\'e0\'e5 \'e5\'e3\'ee \'e8\'e7\'ec\'e5\'ed\'e5\'ed\'e8\'ff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43\qj \li0\ri0\widctlp</w:t>
      </w:r>
      <w:r w:rsidRPr="00651F56">
        <w:rPr>
          <w:rFonts w:ascii="Courier New" w:hAnsi="Courier New" w:cs="Courier New"/>
        </w:rPr>
        <w:t xml:space="preserve">ar\tx317\wrapdefault\aspalpha\aspnum\faauto\adjustright\rin0\lin0\itap0\pararsid5000606 \rtlch\fcs1 \af0\afs24\alang1025 \ltrch\fcs0 \f1\fs20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0\fs22\insrsid5000606\ch</w:t>
      </w:r>
      <w:r w:rsidRPr="00651F56">
        <w:rPr>
          <w:rFonts w:ascii="Courier New" w:hAnsi="Courier New" w:cs="Courier New"/>
        </w:rPr>
        <w:t>arrsid5000606 \'cf\'e5\'f0\'e5\'f1\'ec\'ee\'f2\'f0 \'ea\'eb\'fe\'f7\'e5\'e2\'ee\'e9 \'f1\'f2\'e0\'e2\'ea\'e8 \'c1\'e0\'ed\'ea\'e0 \'d0\'ee\'f1\'f1\'e8\'e8 \'ee\'f1\'f3\'f9\'e5\'f1\'f2\'e2\'eb\'ff\'e5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f \'ed\'e0 \'e5\'e6\'e5\'e4\'ed\'e5\'e2\'ed\</w:t>
      </w:r>
      <w:r w:rsidRPr="00651F56">
        <w:rPr>
          <w:rFonts w:ascii="Courier New" w:hAnsi="Courier New" w:cs="Courier New"/>
        </w:rPr>
        <w:t>'ee\'e9 \'ee\'f1\'ed\'ee\'e2\'e5. \'cf\'f0\'e8 \'e8\'e7\'ec\'e5\'ed\'e5\'ed\'e8\'e8 \'ea\'eb\'fe\'f7\'e5\'e2\'ee\'e9 \'f1\'f2\'e0\'e2\'ea\'e8 \'c1\'e0\'ed\'ea\'e0 \'d0\'ee\'f1\'f1\'e8\'e8 \'ef\'f0\'ee\'f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5\'ed\'f2\'ed\'e0\'ff \'f1\'f2\'e0\'e2\'ea\'e0 </w:t>
      </w:r>
      <w:r w:rsidRPr="00651F56">
        <w:rPr>
          <w:rFonts w:ascii="Courier New" w:hAnsi="Courier New" w:cs="Courier New"/>
        </w:rPr>
        <w:t xml:space="preserve">\'ef\'ee \'ca\'f0\'e5\'e4\'e8\'f2\'ed\'ee\'e9 \'eb\'e8\'ed\'e8\'e8 \'f1\'f7\'e8\'f2\'e0\'e5\'f2\'f1\'ff \'e8\'e7\'ec\'e5\'ed\'e5\'ed\'ed\'ee\'e9 \'e2 \'e4\'e0\'f2\'f3, \'f1 \'ea\'ee\'f2\'ee\'f0\'ee\'e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'f1\'f2\'e0\'ed\'e0\'e2\'eb\'e8\'e2\'e0\'e5\'f2</w:t>
      </w:r>
      <w:r w:rsidRPr="00651F56">
        <w:rPr>
          <w:rFonts w:ascii="Courier New" w:hAnsi="Courier New" w:cs="Courier New"/>
        </w:rPr>
        <w:t>\'f1\'ff \'ed\'ee\'e2\'ee\'e5 \'e7\'ed\'e0\'f7\'e5\'ed\'e8\'e5 \'ea\'eb\'fe\'f7\'e5\'e2\'ee\'e9 \'f1\'f2\'e0\'e2\'ea\'e8 \'c1\'e0\'ed\'ea\'e0 \'d0\'ee\'f1\'f1\'e8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f0\fs22\insrsid5000606\charrsid5000606 \'</w:t>
      </w:r>
      <w:r w:rsidRPr="00651F56">
        <w:rPr>
          <w:rFonts w:ascii="Courier New" w:hAnsi="Courier New" w:cs="Courier New"/>
        </w:rPr>
        <w:t>ca\'f0\'e5\'e4\'e8\'f2\'ee\'f0 \'e2\'ef\'f0\'e0\'e2\'e5 \'e2 \'ee\'e4\'ed\'ee\'f1\'f2\'ee\'f0\'ee\'ed\'ed\'e5\'ec \'ef\'ee\'f0\'ff\'e4\'ea\'e5 \'f3\'e2\'e5\'eb\'e8\'f7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fc \'f0\'e0\'e7\'ec\'e5\'f0 \'ef\'f0\'ee\'f6\'e5\'ed\'f2\'ed\'ee\'e9 \'f1\'f2</w:t>
      </w:r>
      <w:r w:rsidRPr="00651F56">
        <w:rPr>
          <w:rFonts w:ascii="Courier New" w:hAnsi="Courier New" w:cs="Courier New"/>
        </w:rPr>
        <w:t>\'e0\'e2\'ea\'e8 \'ef\'ee \'ca\'f0\'e5\'e4\'e8\'f2\'f3 \'e7\'e0 \'ef\'ee\'e4\'e4\'e5\'f0\'e6\'e0\'ed\'e8\'e5 \'ea\'f0\'e5\'e4\'e8\'f2\'ee\'e2\'fb\'f5/\'e4\'e5\'e1\'e5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fb\'f5 \'ee\'e1\'ee\'f0\'ee\'f2\'ee\'e2 \'ec\'e5\'ed\'e5\'e5 \'f3\'f1\'f2\</w:t>
      </w:r>
      <w:r w:rsidRPr="00651F56">
        <w:rPr>
          <w:rFonts w:ascii="Courier New" w:hAnsi="Courier New" w:cs="Courier New"/>
        </w:rPr>
        <w:t>'e0\'ed\'ee\'e2\'eb\'e5\'ed\'ed\'ee\'e3\'ee \'f0\'e0\'e7\'ec\'e5\'f0\'e0: \'ed\'e0 1 % \'e3\'ee\'e4\'ee\'e2\'fb\'f5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tx252\tqc\tx4677\tqr\tx9355\wrapdefault\aspalpha\aspnum\faauto\adjustright\rin0\lin0\itap0</w:t>
      </w:r>
      <w:r w:rsidRPr="00651F56">
        <w:rPr>
          <w:rFonts w:ascii="Courier New" w:hAnsi="Courier New" w:cs="Courier New"/>
        </w:rPr>
        <w:t>\pararsid5000606 \rtlch\fcs1 \af0\afs20\alang1025 \ltrch\fcs0 \fs20\lang1049\langfe1049\cgrid\langnp1049\langfenp1049 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s22\lang1049\langfe1033\dbch\af39\langfenp1033\insrsid5000606\charrsid5000606 \loch\af0\dbch\af39\</w:t>
      </w:r>
      <w:r w:rsidRPr="00651F56">
        <w:rPr>
          <w:rFonts w:ascii="Courier New" w:hAnsi="Courier New" w:cs="Courier New"/>
        </w:rPr>
        <w:t>hich\f0 \'c2\loch\f0 \hich\f0  \'f1\'eb\'f3\'f7\'e0\'e5\loch\f0 \hich\f0  \'e2\'ee\'e7\'ed\'e8\'ea\'ed\'ee\'e2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f\loch\f0 \hich\f0  \'ee\'f1\'ed\'ee\'e2\'e0\'ed\'e8\'ff\loch\f0 \hich\f0  \'e4\'eb\'ff\loch\f0 \hich\f0  \'ef\'f0\'e8\'ec\loch\a</w:t>
      </w:r>
      <w:r w:rsidRPr="00651F56">
        <w:rPr>
          <w:rFonts w:ascii="Courier New" w:hAnsi="Courier New" w:cs="Courier New"/>
        </w:rPr>
        <w:t>f0\dbch\af39\hich\f0 \'e5\'ed\'e5\'ed\'e8\'ff\loch\f0 \hich\f0  \'ed\'e0\'e4\'e1\'e0\'e2\'ea\'e8\loch\f0 \hich\f0 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d\'ee\'e2\'f0\'e5\'ec\'e5\'ed\'ed\'ee\loch\f0 \hich\f0  \'e7\'e0\loch\f0 \hich\f0  \'ed\'e5\'e2\'fb\'ef\'ee\'eb\'ed\'e5\'ed\'e8\</w:t>
      </w:r>
      <w:r w:rsidRPr="00651F56">
        <w:rPr>
          <w:rFonts w:ascii="Courier New" w:hAnsi="Courier New" w:cs="Courier New"/>
        </w:rPr>
        <w:t>'e5\loch\f0 \hich\f0  \'ea\'f0\'e5\'e4\'e8\'f2\'ee\'e2\'fb\'f5\loch\f0 \hich\f0  \'ee\'e1\'ee\'f0\'ee\'f2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8\loch\f0 \hich\f0  \'e4\'e5\'e1\'e5\'f2\'ee\'e2\'fb\'f5\loch\f0 \hich\f0  \'ee\'e1\'ee\'f0\'ee\'f2\'ee\'e2\loch\f0 \hi</w:t>
      </w:r>
      <w:r w:rsidRPr="00651F56">
        <w:rPr>
          <w:rFonts w:ascii="Courier New" w:hAnsi="Courier New" w:cs="Courier New"/>
        </w:rPr>
        <w:t>ch\f0 , \'ed\'e0\'e4\'e1\'e0\'e2\'ea\'e0\loch\f0 \hich\f0  \'ec\'ee\'e6\'e5\'f2\loch\f0 \hich\f0  \'e1\'fb\'f2\'f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f\'f0\'e8\'ec\'e5\'ed\'e5\'ed\'e0\loch\f0 \hich\f0  \'f2\'ee\'eb\'fc\'ea\'ee\loch\f0 \hich\f0  \'ef\'ee\loch\f0 \hich\</w:t>
      </w:r>
      <w:r w:rsidRPr="00651F56">
        <w:rPr>
          <w:rFonts w:ascii="Courier New" w:hAnsi="Courier New" w:cs="Courier New"/>
        </w:rPr>
        <w:t>f0  \'ee\'e4\'ed\'ee\'ec\'f3\loch\f0 \hich\f0  \'e8\'e7\loch\f0 \hich\f0  \'ee\'f1\'ed\'ee\'e2\'e0\'ed\'e8\'e9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nowidctlpar\tqc\tx4677\tqr\tx9355\wrapdefault\aspalpha\aspnum\faauto\adjustright\rin0\lin0\itap0\pararsid5000</w:t>
      </w:r>
      <w:r w:rsidRPr="00651F56">
        <w:rPr>
          <w:rFonts w:ascii="Courier New" w:hAnsi="Courier New" w:cs="Courier New"/>
        </w:rPr>
        <w:t xml:space="preserve">606 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lang1049\langfe1033\dbch\af39\langfenp1033\insrsid5000606\charrsid5000606 \loch\af0\dbch\af39\hich\f0 \'cf\'f0\'e8\loch\f0 \hich\f0  \'e8\'e7\'ec\'e5\'ed\'e5\'ed\'e8\'e8\loch\f0 \hich\f0  \'c1\loch\af0\dbch\a</w:t>
      </w:r>
      <w:r w:rsidRPr="00651F56">
        <w:rPr>
          <w:rFonts w:ascii="Courier New" w:hAnsi="Courier New" w:cs="Courier New"/>
        </w:rPr>
        <w:t xml:space="preserve">f39\hich\f0 \'ed\'ea\'ee\'ec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f0\'e0\'e7\'ec\'e5\'f0\'e0\loch\f0 \hich\f0  \'ef\'f0\'ee\'f6\'e5\'ed\'f2\'ed\'ee\'e9\loch\f0 \hich\f0  \'f1\'f2\'e0\'e2\'ea\'e8\loch\f0 \hich\f0  \'e2\loch\f0 \hich\f0  \'ee\'e4\'ed\'ee\'f1\'f2\'ee\'f0\'e</w:t>
      </w:r>
      <w:r w:rsidRPr="00651F56">
        <w:rPr>
          <w:rFonts w:ascii="Courier New" w:hAnsi="Courier New" w:cs="Courier New"/>
        </w:rPr>
        <w:t xml:space="preserve">e\'ed\'ed\'e5\'ec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e\'f0\'ff\'e4\'ea\'e5\loch\f0 \hich\f0 , \'c1\'e0\'ed\'ea\loch\f0 \hich\f0  \'ed\'e0\'ef\'f0\'e0\'e2\'eb\'ff\'e5\'f2\loch\f0 \hich\f0  \'c7\'e0\'e5\'ec\'f9\'e8\'ea\'f3\loch\f0 \hich\f0  \'ef\'e8\'f1\'fc\'ec\'e5\</w:t>
      </w:r>
      <w:r w:rsidRPr="00651F56">
        <w:rPr>
          <w:rFonts w:ascii="Courier New" w:hAnsi="Courier New" w:cs="Courier New"/>
        </w:rPr>
        <w:t>'ed\'ed\'ee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af0\dbch\af39\loch\f0 \hich\f0  \'f3\'e2\'e5\'e4\'ee\'ec\'eb\'e5\'ed\'e8\'e5\loch\f0 \hich\f0  \'e2\loch\f0 \hich\f0  \'ef\'f0\'ee\'e8\'e7\'e2\'ee\'eb\'fc\'ed\'ee\'e9\loch\f0 \hich\f0  \'f4\'ee\'f0\'ec\'e5\loch\f0 \hich\f0  \'ee\'e1\</w:t>
      </w:r>
      <w:r w:rsidRPr="00651F56">
        <w:rPr>
          <w:rFonts w:ascii="Courier New" w:hAnsi="Courier New" w:cs="Courier New"/>
        </w:rPr>
        <w:t xml:space="preserve">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8\'e7\'ec\'e5\'ed\'e5\'ed\'e8\'e8\loch\f0 \hich\f0  \'ef\'f0\'ee\'f6\'e5\'ed\'f2\'ed\'ee\'e9\loch\f0 \hich\f0  \'f1\'f2\'e0\'e2\'ea\'e8\loch\f0 \hich\f0  \'f1\loch\f0 \hich\f0  \'ed\'e0\'f0\'ee\'f7\'ed\'fb\'ec\loch\f0 \hich\f0  \'e8\</w:t>
      </w:r>
      <w:r w:rsidRPr="00651F56">
        <w:rPr>
          <w:rFonts w:ascii="Courier New" w:hAnsi="Courier New" w:cs="Courier New"/>
        </w:rPr>
        <w:t>'eb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7\'e0\'ea\'e0\'e7\'ed\'fb\'ec\loch\f0 \hich\f0  \'ef\'ee\'f7\'f2\'ee\'e2\'fb\'ec\loch\f0 \hich\f0  \'ee\'f2\'ef\'f0\'e0\'e2\'eb\'e5\'ed\'e8\'e5\'ec\loch\f0 \hich\f0  \'f1\loch\f0 \hich\f0  \'ee\'ef\'e8\'f1\'fc\'fe\loch\f0 \hi</w:t>
      </w:r>
      <w:r w:rsidRPr="00651F56">
        <w:rPr>
          <w:rFonts w:ascii="Courier New" w:hAnsi="Courier New" w:cs="Courier New"/>
        </w:rPr>
        <w:t xml:space="preserve">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b\'ee\'e6\'e5\'ed\'e8\'ff\loch\f0 \hich\f0  \'e8\loch\f0 \hich\f0  \'f3\'e2\'e5\'e4\'ee\'ec\'eb\'e5\'ed\'e8\'e5\'ec\loch\f0 \hich\f0  \'ee\loch\f0 \hich\f0  \'e2\'f0\'f3\'f7\'e5\'ed\'e8\'e8\loch\f0 \hich\f0 . \'d3\'e2\'e5\'e4\'ee\'ec\'eb\'e</w:t>
      </w:r>
      <w:r w:rsidRPr="00651F56">
        <w:rPr>
          <w:rFonts w:ascii="Courier New" w:hAnsi="Courier New" w:cs="Courier New"/>
        </w:rPr>
        <w:t>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5\loch\f0 \hich\f0  \'f1\'f7\'e8\'f2\'e0\'e5\'f2\'f1\'ff\loch\f0 \hich\f0  \'ed\'e0\'ef\'f0\'e0\'e2\'eb\'e5\'ed\'ed\'fb\'ec\loch\f0 \hich\f0  \'e2\loch\f0 \hich\f0  \'ec\'ee\'ec\'e5\'ed\'f2\loch\f0 \hich\f0  \'e2\'f0\'f3\'f7\'e5\'ed\'e8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c7\'e0\'e5\'ec\'f9\'e8\'ea\'f3\loch\f0 \hich\f0 , \'e5\'f1\'eb\'e8\loch\f0 \hich\f0  \'ee\'ed\'ee\loch\f0 \hich\f0  \'ed\'e0\'ef\'f0\'e0\'e2\'eb\'e5\'ed\'ee\loch\f0 \hich\f0  \'f1\loch\f0 \hich\f0  \'ed\'e0\'f0\'ee\'f7\'ed\'fb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</w:t>
      </w:r>
      <w:r w:rsidRPr="00651F56">
        <w:rPr>
          <w:rFonts w:ascii="Courier New" w:hAnsi="Courier New" w:cs="Courier New"/>
        </w:rPr>
        <w:t>ch\f0 \hich\f0 , \'e8\'eb\'e8\loch\f0  \loch\af0\dbch\af39\hich\f0 \'e2\hich\af0\dbch\af39\loch\f0 \hich\f0  \'ec\'ee\'ec\'e5\'ed\'f2\loch\f0 \hich\f0  \'f1\'e4\'e0\'f7\'e8\loch\f0 \hich\f0  \'e5\'e3\'ee\loch\f0 \hich\f0  \'e2\loch\f0 \hich\f0 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</w:t>
      </w:r>
      <w:r w:rsidRPr="00651F56">
        <w:rPr>
          <w:rFonts w:ascii="Courier New" w:hAnsi="Courier New" w:cs="Courier New"/>
        </w:rPr>
        <w:t>'e3\'e0\'ed\'e8\'e7\'e0\'f6\'e8\'fe\loch\f0 \hich\f0  \'f1\'e2\'ff\'e7\'e8\loch\f0 \hich\f0 , \'e5\'f1\'eb\'e8\loch\f0 \hich\f0  \'ee\'ed\'ee\loch\f0 \hich\f0  \'ed\'e0\'ef\'f0\'e0\'e2\'eb\'e5\'ed\'ee\loch\f0 \hich\f0  \'c7\'e0\'e5\'ec\'f9\'e8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lo</w:t>
      </w:r>
      <w:r w:rsidRPr="00651F56">
        <w:rPr>
          <w:rFonts w:ascii="Courier New" w:hAnsi="Courier New" w:cs="Courier New"/>
        </w:rPr>
        <w:t xml:space="preserve">ch\f0 \hich\f0  \'e7\'e0\'ea\'e0\'e7\'ed\'fb\'ec\loch\f0 \hich\f0  \'ef\'ee\'f7\'f2\'ee\'e2\'fb\'ec\loch\f0 \hich\f0  \'ee\'f2\'ef\'f0\'e0\'e2\'eb\'e5\'ed\'e8\'e5\'ec\loch\f0 \hich\f0  \'f1\loch\f0 \hich\f0  \'ee\'ef\'e8\'f1\'fc\'fe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</w:t>
      </w:r>
      <w:r w:rsidRPr="00651F56">
        <w:rPr>
          <w:rFonts w:ascii="Courier New" w:hAnsi="Courier New" w:cs="Courier New"/>
        </w:rPr>
        <w:t>2\'eb\'ee\'e6\'e5\'ed\'e8\'ff\loch\f0 \hich\f0  \'e8\loch\f0 \hich\f0  \'f3\'e2\'e5\'e4\'ee\'ec\'eb\'e5\'ed\'e8\'e5\'ec\loch\f0 \hich\f0  \'ee\loch\f0 \hich\f0  \'e2\'f0\'f3\'f7\'e5\'ed\'e8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hich\af0\dbch\af39\loch\f0    \loch\af0\dbch\af39\hich</w:t>
      </w:r>
      <w:r w:rsidRPr="00651F56">
        <w:rPr>
          <w:rFonts w:ascii="Courier New" w:hAnsi="Courier New" w:cs="Courier New"/>
        </w:rPr>
        <w:t>\f0 \'c8\'e7\'ec\'e5\'ed\'e5\'ed\'ed\'e0\'ff\loch\f0 \hich\f0  \'ef\'f0\'ee\'f6\'e5\'ed\'f2\'ed\'e0\'ff\loch\f0 \hich\f0  \'f1\'f2\'e0\'e2\'ea\'e0\loch\f0 \hich\f0  \'ed\'e0\'f7\'e8\'ed\'e0\'e5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4\'e5\'e9\'f1\'f2\'e2\'ee\'e2\'e0\'</w:t>
      </w:r>
      <w:r w:rsidRPr="00651F56">
        <w:rPr>
          <w:rFonts w:ascii="Courier New" w:hAnsi="Courier New" w:cs="Courier New"/>
        </w:rPr>
        <w:t>f2\'fc\loch\f0 \hich\f0  \'f1\loch\f0 \hich\f0  1-\'e3\'ee\loch\f0 \hich\f0  \'f7\'e8\'f1\'eb\'e0\loch\f0 \hich\f0  \'ec\'e5\'f1\'ff\'f6\'e0\loch\f0 \hich\f0  \'f1\'eb\'e5\'e4\'f3\'fe\'f9\'e5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loch\f0 \hich\f0  \'e7\'e0\loch\f0 \hich\f0  \'ec\'e5\</w:t>
      </w:r>
      <w:r w:rsidRPr="00651F56">
        <w:rPr>
          <w:rFonts w:ascii="Courier New" w:hAnsi="Courier New" w:cs="Courier New"/>
        </w:rPr>
        <w:t>'f1\'ff\'f6\'e5\'ec\loch\f0 \hich\f0  \'e2\loch\f0 \hich\f0  \'ea\'ee\'f2\'ee\'f0\'ee\'ec\loch\f0 \hich\f0  \'c7\'e0\'e5\'ec\'f9\'e8\loch\af0\dbch\af39\hich\f0 \'ea\'f3\loch\f0 \hich\f0  \'e1\'f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ee\loch\f0 \hich\f0  \'ed\'e0\'ef\'f0\'e0\'e2\'eb\'e5</w:t>
      </w:r>
      <w:r w:rsidRPr="00651F56">
        <w:rPr>
          <w:rFonts w:ascii="Courier New" w:hAnsi="Courier New" w:cs="Courier New"/>
        </w:rPr>
        <w:t>\'ed\'ee\loch\f0 \hich\f0  \'ef\'e8\'f1\'fc\'ec\'e5\'ed\'ed\'ee\'e5\loch\f0 \hich\f0  \'f3\'e2\'e5\'e4\'ee\'ec\'eb\'e5\'ed\'e8\'e5\loch\f0 \hich\f0  \'ee\'e1\loch\f0 \hich\f0  \'e8\'e7\'ec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e8\'e8\loch\f0 \hich\f0  \'ef\'f0\'ee\'f6\'e5\'e</w:t>
      </w:r>
      <w:r w:rsidRPr="00651F56">
        <w:rPr>
          <w:rFonts w:ascii="Courier New" w:hAnsi="Courier New" w:cs="Courier New"/>
        </w:rPr>
        <w:t xml:space="preserve">d\'f2\'ed\'ee\'e9\loch\f0 \hich\f0  \'f1\'f2\'e0\'e2\'ea\'e8\loch\f0 \hich\f0  \'ef\'ee\loch\f0 \hich\f0  \'ef\'ee\'f1\'eb\'e5\'e4\'ed\'e5\'e5\loch\f0 \hich\f0  \'f7\'e8\'f1\'eb\'ee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c\'e5\'f1\'ff\'f6\'e0\loch\f0 \hich\f0 , \'e2\loch\</w:t>
      </w:r>
      <w:r w:rsidRPr="00651F56">
        <w:rPr>
          <w:rFonts w:ascii="Courier New" w:hAnsi="Courier New" w:cs="Courier New"/>
        </w:rPr>
        <w:t>f0 \hich\f0  \'ea\'ee\'f2\'ee\'f0\'ee\'ec\loch\f0 \hich\f0  \'e2\'fb\'ef\'ee\'eb\'ed\'e5\'ed\'ee\loch\f0 \hich\f0  \'f3\'f1\'eb\'ee\'e2\'e8\'e5\loch\f0 \hich\f0  \'ee\loch\f0 \hich\f0  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e\'e1\'f5\'ee\'e4\'e8\'ec\'ee\'ec\loch\f0 \hich\f0  \'f0\'</w:t>
      </w:r>
      <w:r w:rsidRPr="00651F56">
        <w:rPr>
          <w:rFonts w:ascii="Courier New" w:hAnsi="Courier New" w:cs="Courier New"/>
        </w:rPr>
        <w:t xml:space="preserve">e0\'e7\'ec\'e5\'f0\'e5\loch\f0 \hich\f0  \'ee\'e1\'ee\'f0\'ee\'f2\'ee\'e2\loch\f0 \hich\f0 , \'ed\'e0\'f0\'f3\'f8\'e5\'ed\'e8\'e5\loch\f0 \hich\f0  \'ea\'ee\'f2\'ee\'f0\'ee\'e3\'ee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ff\'e2\'e8\'eb\'ee\'f1\'fc\loch\f0 \hich\f0  \'ee\'f1</w:t>
      </w:r>
      <w:r w:rsidRPr="00651F56">
        <w:rPr>
          <w:rFonts w:ascii="Courier New" w:hAnsi="Courier New" w:cs="Courier New"/>
        </w:rPr>
        <w:t xml:space="preserve">\'ed\'ee\'e2\'e0\'ed\'e8\'e5\'ec\loch\f0 \hich\f0  \'e4\'eb\'ff\loch\f0 \hich\f0  \'e8\'e7\'ec\'e5\'ed\'e5\'ed\'e8\'ff\loch\f0 \hich\f0  \'ef\'f0\'ee\'f6\'e5\'ed\'f2\'ed\'ee\'e9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f1\'f2\'e0\'e2\'ea\'e8\loch\f0 \hich\f0  (\'e2\'ea\'eb\'</w:t>
      </w:r>
      <w:r w:rsidRPr="00651F56">
        <w:rPr>
          <w:rFonts w:ascii="Courier New" w:hAnsi="Courier New" w:cs="Courier New"/>
        </w:rPr>
        <w:t xml:space="preserve">fe\'f7\'e8\'f2\'e5\'eb\'fc\'ed\'ee\loch\f0 ).}{\rtlch\fcs1 \af0\afs22 \ltrch\fcs0 \i\fs22\lang1049\langfe1033\dbch\af39\langfenp1033\insrsid5000606\charrsid500060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</w:t>
      </w:r>
      <w:r w:rsidRPr="00651F56">
        <w:rPr>
          <w:rFonts w:ascii="Courier New" w:hAnsi="Courier New" w:cs="Courier New"/>
        </w:rPr>
        <w:t>in0\lin0\itap0\pararsid5000606 {\rtlch\fcs1 \ab\af0\afs22 \ltrch\fcs0 \b\fs22\insrsid5000606\charrsid5000606 \'ca\'ee\'ec\'e8\'f1\'f1\'e8\'e8/ \'e2\'ee\'e7\'ed\'e0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0\'e6\'e4\'e5\'ed\'e8\'ff/\'f8\'f2\'f0\'e0\'f4\'fb/\'ed\'e5\'f3\'f1\'f2\'ee\'e9\</w:t>
      </w:r>
      <w:r w:rsidRPr="00651F56">
        <w:rPr>
          <w:rFonts w:ascii="Courier New" w:hAnsi="Courier New" w:cs="Courier New"/>
        </w:rPr>
        <w:t>'ea\'e8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 \'ee\'e1\'ff\'e7\'e0\'f2\'e5\'eb\'fc\'f1\'f2\'e2\'ee:}{\rtlch\fcs1 \ab\af0\afs22 \ltrch\fcs0 \fs22\insrsid5000606\charrsid5000606  0,20% \'e3\'ee\'e4\'ee\'e2\'fb\'f5. }{\rtlch\fcs1 \af0\afs22 \ltrch\fcs0 \fs22\insrsid5000606\charrsi</w:t>
      </w:r>
      <w:r w:rsidRPr="00651F56">
        <w:rPr>
          <w:rFonts w:ascii="Courier New" w:hAnsi="Courier New" w:cs="Courier New"/>
        </w:rPr>
        <w:t xml:space="preserve">d500060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a\'ee\'ec\'e8\'f1\'f1\'e8\'ff \'e7\'e0 \'ee\'e1\'ff\'e7\'e0\'f2\'e5\'eb\'fc\'f1\'f2\'e2\'ee \'ed\'e0\'f7\'e8\'f1\'eb\'ff\'e5\'f2\'f1\'ff \'f1 6- \'e3\'ee \'f0\'e0\'e1\'ee\'f7\'e5\'e3\'ee \'e4\'ed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\pard\plain \ltrpar\s56\ql </w:t>
      </w:r>
      <w:r w:rsidRPr="00651F56">
        <w:rPr>
          <w:rFonts w:ascii="Courier New" w:hAnsi="Courier New" w:cs="Courier New"/>
        </w:rPr>
        <w:t xml:space="preserve">\li0\ri0\widctlpar\wrapdefault\aspalpha\aspnum\faauto\adjustright\rin0\lin0\itap0\pararsid5000606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500060</w:t>
      </w:r>
      <w:r w:rsidRPr="00651F56">
        <w:rPr>
          <w:rFonts w:ascii="Courier New" w:hAnsi="Courier New" w:cs="Courier New"/>
        </w:rPr>
        <w:t xml:space="preserve">6\charrsid5000606 \'d3\'ef\'eb\'e0\'f7\'e8\'e2\'e0\'e5\'f2\'f1\'ff \'e2 \'e4\'e0\'f2\'fb, \'f3\'f1\'f2\'e0\'ed\'ee\'e2\'eb\'e5\'ed\'ed\'fb\'e5 \'e4\'eb\'ff \'f3\'ef\'eb\'e0\'f2\'fb \'ef\'f0\'ee\'f6\'e5\'ed\'f2\'ee\'e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33\qj \</w:t>
      </w:r>
      <w:r w:rsidRPr="00651F56">
        <w:rPr>
          <w:rFonts w:ascii="Courier New" w:hAnsi="Courier New" w:cs="Courier New"/>
        </w:rPr>
        <w:t xml:space="preserve">li0\ri0\widctlpar\wrapdefault\nooverflow\faroman\rin0\lin0\itap0\pararsid5000606\contextualspace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5000606</w:t>
      </w:r>
      <w:r w:rsidRPr="00651F56">
        <w:rPr>
          <w:rFonts w:ascii="Courier New" w:hAnsi="Courier New" w:cs="Courier New"/>
        </w:rPr>
        <w:t>\charrsid5000606 \'cf\'ee\'f1\'eb\'e5\'e4\'ed\'e8\'e9 \'ef\'eb\'e0\'f2\'e5\'e6 \'f3\'ef\'eb\'e0\'f7\'e8\'e2\'e0\'e5\'f2\'f1\'ff \'e2 \'e4\'e0\'f2\'f3 \'ee\'ea\'ee\'ed\'f7\'e0\'ed\'e8\'ff \'ee\'e1\'f9\'e5\'e3\'ee \'f1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a\'e0 \'ef\'f0\'e5\'e4\'ee\</w:t>
      </w:r>
      <w:r w:rsidRPr="00651F56">
        <w:rPr>
          <w:rFonts w:ascii="Courier New" w:hAnsi="Courier New" w:cs="Courier New"/>
        </w:rPr>
        <w:t xml:space="preserve">'f1\'f2\'e0\'e2\'eb\'e5\'ed\'e8\'ff \'ca\'f0\'e5\'e4\'e8\'f2\'ee\'e2}{\rtlch\fcs1 \ab\af0\afs22 \ltrch\fcs0 \fs22\insrsid5000606\charrsid5000606 ;}{\rtlch\fcs1 \ab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b\fs22\insrsid5000606\charrsid500060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7\'e0 \'e2\'fb\'e4\</w:t>
      </w:r>
      <w:r w:rsidRPr="00651F56">
        <w:rPr>
          <w:rFonts w:ascii="Courier New" w:hAnsi="Courier New" w:cs="Courier New"/>
        </w:rPr>
        <w:t>'e0\'f7\'f3 \'ea\'f0\'e5\'e4\'e8\'f2\'ed\'ee\'e9 \'eb\'e8\'ed\'e8\'e8: }{\rtlch\fcs1 \af0\afs22 \ltrch\fcs0 \fs22\insrsid5000606\charrsid5000606 30 000 \'f0\'f3\'e1. (\'e2\'e7\'e8\'ec\'e0\'e5\'f2\'f1\'ff \'e2 \'ee\'e1\'ff\'e7\'e0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b\'fc\'ed\'ee\</w:t>
      </w:r>
      <w:r w:rsidRPr="00651F56">
        <w:rPr>
          <w:rFonts w:ascii="Courier New" w:hAnsi="Courier New" w:cs="Courier New"/>
        </w:rPr>
        <w:t>'ec \'ef\'ee\'f0\'ff\'e4\'ea\'e5, \'e5\'f1\'eb\'e8 \'f4\'e8\'ed\'e0\'ed\'f1\'ee\'e2\'ee\'e5 \'f1\'ee\'f1\'f2\'ee\'ff\'ed\'e8\'e5 \'c7\'e0\'e5\'ec\'f9\'e8\'ea\'e0 \'ed\'e5 \'ec\'ee\'e6\'e5\'f2 \'e1\'fb\'f2\'fc \'ee\'f6\'e5\'ed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 \'ea\'e0\'ea \'a</w:t>
      </w:r>
      <w:r w:rsidRPr="00651F56">
        <w:rPr>
          <w:rFonts w:ascii="Courier New" w:hAnsi="Courier New" w:cs="Courier New"/>
        </w:rPr>
        <w:t>b\'f5\'ee\'f0\'ee\'f8\'e5\'e5\'bb \'e4\'eb\'ff \'f6\'e5\'eb\'e5\'e9 \'f4\'ee\'f0\'ec\'e8\'f0\'ee\'e2\'e0\'ed\'e8\'ff \'f0\'e5\'e7\'e5\'f0\'e2\'ee\'e2 \'ed\'e0 \'ec\'ee\'ec\'e5\'ed\'f2 \'e7\'e0\'ea\'eb\'fe\'f7\'e5\'ed\'e8\'ff \'f1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b\'ea\'e8). \'</w:t>
      </w:r>
      <w:r w:rsidRPr="00651F56">
        <w:rPr>
          <w:rFonts w:ascii="Courier New" w:hAnsi="Courier New" w:cs="Courier New"/>
        </w:rPr>
        <w:t>d3\'ef\'eb\'e0\'f7\'e8\'e2\'e0\'e5\'f2\'f1\'ff \'e4\'ee \'ef\'e5\'f0\'e2\'ee\'e3\'ee \'e8\'f1\'ef\'ee\'eb\'fc\'e7\'ee\'e2\'e0\'ed\'e8\'ff \'f1\'f0\'e5\'e4\'f1\'f2\'e2 \'ef\'ee \'ea\'f0\'e5\'e4\'e8\'f2\'ed\'ee\'e9 \'f1\'e4\'e5\'eb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.}{\rtlch\fcs1 \a</w:t>
      </w:r>
      <w:r w:rsidRPr="00651F56">
        <w:rPr>
          <w:rFonts w:ascii="Courier New" w:hAnsi="Courier New" w:cs="Courier New"/>
        </w:rPr>
        <w:t xml:space="preserve">b\af0\afs22 \ltrch\fcs0 \b\fs22\insrsid5000606\charrsid500060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30\qj \li0\ri0\widctlpar\wrapdefault\aspalpha\aspnum\faauto\adjustright\rin0\lin0\itap0\pararsid5000606 \rtlch\fcs1 \af0\afs20\alang1025 \ltrch\fcs0 \fs22\lang1049\</w:t>
      </w:r>
      <w:r w:rsidRPr="00651F56">
        <w:rPr>
          <w:rFonts w:ascii="Courier New" w:hAnsi="Courier New" w:cs="Courier New"/>
        </w:rPr>
        <w:t xml:space="preserve">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insrsid5000606\charrsid5000606 \'d8\'f2\'f0\'e0\'f4 \'e2 \'f0\'e0\'e7\'ec\'e5\'f0\'e5\~ 0.01% \'ee\'f2 \'f1\'f3\'ec\'ec\'fb \'ee\'f1\'f2\'e0\'f2\'ea\'e0 \'ee\'f1\'ed\'ee\'</w:t>
      </w:r>
      <w:r w:rsidRPr="00651F56">
        <w:rPr>
          <w:rFonts w:ascii="Courier New" w:hAnsi="Courier New" w:cs="Courier New"/>
        </w:rPr>
        <w:t>e2\'ed\'ee\'e3\'ee \'e4\'ee\'eb\'e3\'e0 \'ef\'ee \'ea\'f0\'e5\'e4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d\'ee\'ec\'f3 \'f1\'ee\'e3\'eb\'e0\'f8\'e5\'ed\'e8\'fe, \'f1\'eb\'ee\'e6\'e8\'e2\'f8\'e5\'e3\'ee\'f1\'ff \'ed\'e0 \'ec\'ee\'ec\'e5\'ed\'f2 \'e2\'fb\'ff\'e2\'eb\'e5\'ed\'e8\'ff \'</w:t>
      </w:r>
      <w:r w:rsidRPr="00651F56">
        <w:rPr>
          <w:rFonts w:ascii="Courier New" w:hAnsi="Courier New" w:cs="Courier New"/>
        </w:rPr>
        <w:t>ed\'e0\'f0\'f3\'f8\'e5\'ed\'e8\'ff, \'e2 \'f1\'eb\'f3\'f7\'e0\'e5 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8\'f1\'ef\'ee\'eb\'ed\'e5\'ed\'e8\'ff\\\'ed\'e5\'ed\'e0\'e4\'eb\'e5\'e6\'e0\'f9\'e5\'e3\'ee \'e8\'f1\'ef\'ee\'eb\'ed\'e5\'ed\'e8\'ff \'e7\'e0\'e5\'ec\'f9\'e8\'ea\'ee\'ec \'f4\'e</w:t>
      </w:r>
      <w:r w:rsidRPr="00651F56">
        <w:rPr>
          <w:rFonts w:ascii="Courier New" w:hAnsi="Courier New" w:cs="Courier New"/>
        </w:rPr>
        <w:t xml:space="preserve">8\'ed\'e0\'ed\'f1\'ee\'e2\'fb\'f5 \'ea\'ee\'e2\'e5\'ed\'e0\'ed\'f2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nowidctlpar\wrapdefault\aspalpha\aspnum\faauto\adjustright\rin0\lin0\itap0\pararsid5000606 \rtlch\fcs1 \af0\afs20\alang1025 \ltrch\fcs0 \fs20\lang</w:t>
      </w:r>
      <w:r w:rsidRPr="00651F56">
        <w:rPr>
          <w:rFonts w:ascii="Courier New" w:hAnsi="Courier New" w:cs="Courier New"/>
        </w:rPr>
        <w:t xml:space="preserve">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5000606\charrsid5000606 \'cd\'e5\'f3\'f1\'f2\'ee\'e9\'ea\'e0}{\rtlch\fcs1 \af0\afs22 \ltrch\fcs0 \fs22\insrsid5000606\charrsid5000606  \'e2 \'f0\'e0\'e7\'ec\</w:t>
      </w:r>
      <w:r w:rsidRPr="00651F56">
        <w:rPr>
          <w:rFonts w:ascii="Courier New" w:hAnsi="Courier New" w:cs="Courier New"/>
        </w:rPr>
        <w:t>'e5\'f0\'e5 1/365 \'ec\'e0\'ea\'f1\'e8\'ec\'e0\'eb\'fc\'ed\'ee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e\'f6\'e5\'ed\'f2\'ed\'ee\'e9 \'f1\'f2\'e0\'e2\'ea\'e8 \'ee\'f2 \'f1\'f3\'ec\'ec\'fb \'ef\'f0\'ee\'f1\'f0\'ee\'f7\'e5\'ed\'ed\'ee\'e9 \'e7\'e0\'e4\'ee\'eb\'e6\'e5\'ed\'ed\'ee\'</w:t>
      </w:r>
      <w:r w:rsidRPr="00651F56">
        <w:rPr>
          <w:rFonts w:ascii="Courier New" w:hAnsi="Courier New" w:cs="Courier New"/>
        </w:rPr>
        <w:t>f1\'f2\'e8 \'ef\'ee \'ce\'f1\'ed\'ee\'e2\'ed\'ee\'ec\'f3 \'e4\'ee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f3 \'e7\'e0 \'ea\'e0\'e6\'e4\'fb\'e9 \'e4\'e5\'ed\'fc \'ef\'f0\'ee\'f1\'f0\'ee\'f7\'ea\'e8, \'ed\'e0\'f7\'e8\'f1\'eb\'ff\'e5\'ec\'e0\'ff \'e2 \'f1\'eb\'f3\'f7\'e0\'e5 \'e2\'ee\'e7</w:t>
      </w:r>
      <w:r w:rsidRPr="00651F56">
        <w:rPr>
          <w:rFonts w:ascii="Courier New" w:hAnsi="Courier New" w:cs="Courier New"/>
        </w:rPr>
        <w:t>\'ed\'e8\'ea\'ed\'ee\'e2\'e5\'ed\'e8\'ff \'ef\'f0\'ee\'f1\'f0\'ee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5\'ed\'ed\'ee\'e9 \'e7\'e0\'e4\'ee\'eb\'e6\'e5\'ed\'ed\'ee\'f1\'f2\'e8 \'ef\'ee \'ce\'f1\'ed\'ee\'e2\'ed\'ee\'ec\'f3 \'e4\'ee\'eb\'e3\'f3;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</w:t>
      </w:r>
      <w:r w:rsidRPr="00651F56">
        <w:rPr>
          <w:rFonts w:ascii="Courier New" w:hAnsi="Courier New" w:cs="Courier New"/>
        </w:rPr>
        <w:t xml:space="preserve">\wrapdefault\aspalpha\aspnum\faauto\adjustright\rin0\lin0\itap0\pararsid5000606 {\rtlch\fcs1 \af0\afs22 \ltrch\fcs0 \b\fs22\insrsid5000606\charrsid5000606 \'cd\'e5\'f3\'f1\'f2\'ee\'e9\'ea\'e0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5000606\charr</w:t>
      </w:r>
      <w:r w:rsidRPr="00651F56">
        <w:rPr>
          <w:rFonts w:ascii="Courier New" w:hAnsi="Courier New" w:cs="Courier New"/>
        </w:rPr>
        <w:t>sid5000606  \'e2 \'f0\'e0\'e7\'ec\'e5\'f0\'e5 \'e2 2/365 \'ec\'e0\'ea\'f1\'e8\'ec\'e0\'eb\'fc\'ed\'ee\'e9 \'ef\'f0\'ee\'f6\'e5\'ed\'f2\'ed\'ee\'e9 \'f1\'f2\'e0\'e2\'ea\'e8  \'ee\'f2 \'f1\'f3\'ec\'ec\'fb \'ef\'f0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0\'ee\'f7\'e5\'ed\'ed\'ee\'e9 \'</w:t>
      </w:r>
      <w:r w:rsidRPr="00651F56">
        <w:rPr>
          <w:rFonts w:ascii="Courier New" w:hAnsi="Courier New" w:cs="Courier New"/>
        </w:rPr>
        <w:t>e7\'e0\'e4\'ee\'eb\'e6\'e5\'ed\'ed\'ee\'f1\'f2\'e8 \'ef\'ee \'ef\'f0\'ee\'f6\'e5\'ed\'f2\'e0\'ec/\'ea\'ee\'ec\'e8\'f1\'f1\'e8\'ff\'ec \'e7\'e0 \'ea\'e0\'e6\'e4\'fb\'e9 \'e4\'e5\'ed\'fc \'ef\'f0\'ee\'f1\'f0\'ee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8, \'ed\'e0\'f7\'e8\'f1\'eb\'ff\'e</w:t>
      </w:r>
      <w:r w:rsidRPr="00651F56">
        <w:rPr>
          <w:rFonts w:ascii="Courier New" w:hAnsi="Courier New" w:cs="Courier New"/>
        </w:rPr>
        <w:t>5\'ec\'e0\'ff \'e2 \'f1\'eb\'f3\'f7\'e0\'e5 \'e2\'ee\'e7\'ed\'e8\'ea\'ed\'ee\'e2\'e5\'ed\'e8\'ff \'ef\'f0\'ee\'f1\'f0\'ee\'f7\'e5\'ed\'ed\'ee\'e9 \'e7\'e0\'e4\'ee\'eb\'e6\'e5\'ed\'ed\'ee\'f1\'f2\'e8 \'ef\'ee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e\'f6\'e5\'ed\'f2\'e0\'ec/\'ea\'ee\</w:t>
      </w:r>
      <w:r w:rsidRPr="00651F56">
        <w:rPr>
          <w:rFonts w:ascii="Courier New" w:hAnsi="Courier New" w:cs="Courier New"/>
        </w:rPr>
        <w:t>'ec\'e8\'f1\'f1\'e8\'e8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b\fs22\insrsid5000606\charrsid5000606 \'cd\'e5\'f3\'f1\'f2\'ee\'e9\'ea\'e0}{\rtlch\fcs1 \af0\afs22 \ltrch\fcs0 \fs22\insrsid5000606\charrsid5000606  \'e2 \'f0\'e0\'e7\'ec\'e5\'f0\'e5 1/36</w:t>
      </w:r>
      <w:r w:rsidRPr="00651F56">
        <w:rPr>
          <w:rFonts w:ascii="Courier New" w:hAnsi="Courier New" w:cs="Courier New"/>
        </w:rPr>
        <w:t>5 \'ec\'e0\'ea\'f1\'e8\'ec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c\'ed\'ee\'e9 \'ef\'f0\'ee\'f6\'e5\'ed\'f2\'ed\'ee\'e9 \'f1\'f2\'e0\'e2\'ea\'e8 \'ee\'f2 \'f1\'f3\'ec\'ec\'fb \'ed\'e5\'e8\'f1\'ef\'ee\'eb\'ed\'e5\'ed\'ed\'ee\'e3\'ee \'e8\'eb\'e8 \'ed\'e5\'ed\'e0\'e4\'eb\'e5\'e6\'e0\</w:t>
      </w:r>
      <w:r w:rsidRPr="00651F56">
        <w:rPr>
          <w:rFonts w:ascii="Courier New" w:hAnsi="Courier New" w:cs="Courier New"/>
        </w:rPr>
        <w:t>'f9\'e8\'ec \'ee\'e1\'f0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7\'ee\'ec \'e8\'f1\'ef\'ee\'eb\'ed\'e5\'ed\'ed\'ee\'e3\'ee \'ee\'e1\'ff\'e7\'e0\'f2\'e5\'eb\'fc\'f1\'f2\'e2\'e0 \'e7\'e0 \'ea\'e0\'e6\'e4\'fb\'e9 \'e4\'e5\'ed\'fc \'ef\'f0\'ee\'f1\'f0\'ee\'f7\'ea\'e8,}{\rtlch\fcs1 \ab\af0\a</w:t>
      </w:r>
      <w:r w:rsidRPr="00651F56">
        <w:rPr>
          <w:rFonts w:ascii="Courier New" w:hAnsi="Courier New" w:cs="Courier New"/>
        </w:rPr>
        <w:t xml:space="preserve">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insrsid5000606\charrsid5000606  \'e2 \'f1\'eb\'f3\'f7\'e0\'e5 \'ed\'e5\'e8\'f1\'ef\'ee\'eb\'ed\'e5\'ed\'e8\'ff \'e8\'eb\'e8 \'ed\'e5\'ed\'e0\'e4\'eb\'e5\'e6\'e0\'f9\'e5\'e3\'ee \'e8\'f1\'ef\'ee\'eb\'ed\'e5\'ed\'e8\'ff \'cf\'ee\'f0\</w:t>
      </w:r>
      <w:r w:rsidRPr="00651F56">
        <w:rPr>
          <w:rFonts w:ascii="Courier New" w:hAnsi="Courier New" w:cs="Courier New"/>
        </w:rPr>
        <w:t>'f3\'f7\'e8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b\'e5\'ec \'e4\'e5\'ed\'e5\'e6\'ed\'fb\'f5 \'ee\'e1\'ff\'e7\'e0\'f2\'e5\'eb\'fc\'f1\'f2\'e2 \'ef\'ee \'c4\'ee\'e3\'ee\'e2\'ee\'f0\'f3 \'ef\'ee\'f0\'f3\'f7\'e8\'f2\'e5\'eb\'fc\'f1\'f2\'e2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8\'ed\'fb\'e5 \'ea\'ee\'ec\'e8\'</w:t>
      </w:r>
      <w:r w:rsidRPr="00651F56">
        <w:rPr>
          <w:rFonts w:ascii="Courier New" w:hAnsi="Courier New" w:cs="Courier New"/>
        </w:rPr>
        <w:t xml:space="preserve">f1\'f1\'e8\'e8, \'ed\'e0\'e4\'e1\'e0\'e2\'ea\'e8 \'ea \'ef\'f0\'ee\'f6\'e5\'ed\'f2\'ed\'ee\'e9 \'f1\'f2\'e0\'e2\'ea\'e5 \'e8 \'f1\'e0\'ed\'ea\'f6\'e8\'e8 (\'ed\'e5\'f3\'f1\'f2\'ee\'e9\'ea\'e8, \'f8\'f2\'f0\'e0\'f4\'fb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f\'e5\'ed\'e8 \'e8 \'f2.\'e4.), </w:t>
      </w:r>
      <w:r w:rsidRPr="00651F56">
        <w:rPr>
          <w:rFonts w:ascii="Courier New" w:hAnsi="Courier New" w:cs="Courier New"/>
        </w:rPr>
        <w:t>\'ef\'f0\'e5\'e4\'f3\'f1\'ec\'ee\'f2\'f0\'e5\'ed\'ed\'fb\'e5 \'ea\'f0\'e5\'e4\'e8\'f2\'ed\'fb\'ec \'f1\'ee\'e3\'eb\'e0\'f8\'e5\'ed\'e8\'e5\'ec \'e8 \'e4\'ee\'e3\'ee\'e2\'ee\'f0\'ee\'ec \'ef\'ee\'f0\'f3\'f7\'e8\'f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c\'f1\'f2\'e2\'e0.}{\rtlch\fcs</w:t>
      </w:r>
      <w:r w:rsidRPr="00651F56">
        <w:rPr>
          <w:rFonts w:ascii="Courier New" w:hAnsi="Courier New" w:cs="Courier New"/>
        </w:rPr>
        <w:t xml:space="preserve">1 \af0\afs22 \ltrch\fcs0 \fs22\insrsid5000606\charrsid500060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fs22\insrsid5000606\charrsid5000606 \'cf\'ee\'f0\'f3\'f7\'e8\'f2\'e5\'eb\'fc\'f1\'f2\'e2\'ee \'ef\'ee \'c4\'ee\'e3\'ee\'e2\'ee\'f0\'f3 \'ef\'ee\'f</w:t>
      </w:r>
      <w:r w:rsidRPr="00651F56">
        <w:rPr>
          <w:rFonts w:ascii="Courier New" w:hAnsi="Courier New" w:cs="Courier New"/>
        </w:rPr>
        <w:t>0\'f3\'f7\'e8\'f2\'e5\'eb\'fc\'f1\'f2\'e2\'e0 \'ff\'e2\'eb\'ff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f1\'ff \'f1\'ee\'eb\'e8\'e4\'e0\'f0\'ed\'fb\'ec \'e8 \'ef\'f0\'e5\'e4\'ee\'f1\'f2\'e0\'e2\'eb\'e5\'ed\'ee \'f1\'f0\'ee\'ea\'ee\'ec \'ed\'e0 2\~190 \'ea\'e0\'eb\'e5\'ed\'e4\'e0\'f0\'e</w:t>
      </w:r>
      <w:r w:rsidRPr="00651F56">
        <w:rPr>
          <w:rFonts w:ascii="Courier New" w:hAnsi="Courier New" w:cs="Courier New"/>
        </w:rPr>
        <w:t>d\'fb\'f5 \'e4\'ed\'e5\'e9 \'f1 \'e4\'e0\'f2\'fb \'e7\'e0\'ea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e\'f7\'e5\'ed\'e8\'ff \'c4\'ee\'e3\'ee\'e2\'ee\'f0\'e0 \'ef\'ee\'f0\'f3\'f7\'e8\'f2\'e5\'eb\'fc\'f1\'f2\'e2\'e0. \'cf\'ee \'c4\'ee\'e3\'ee\'e2\'ee\'f0\'f3 \'ef\'ee\'f0\'f3\'f7\'e8\'f2\'e</w:t>
      </w:r>
      <w:r w:rsidRPr="00651F56">
        <w:rPr>
          <w:rFonts w:ascii="Courier New" w:hAnsi="Courier New" w:cs="Courier New"/>
        </w:rPr>
        <w:t>5\'eb\'fc\'f1\'f2\'e2\'e0 \'cf\'ee\'f0\'f3\'f7\'e8\'f2\'e5\'eb\'f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\'ee\'e1\'ff\'e7\'f3\'e5\'f2\'f1\'ff \'ee\'f2\'e2\'e5\'f7\'e0\'f2\'fc \'ef\'e5\'f0\'e5\'e4 \'c1\'e0\'ed\'ea\'ee\'ec \'c2\'d2\'c1 (\'cf\'c0\'ce) \'ef\'ee \'e8\'f1\'ef\'ee\'eb\'ed\'e5\'ed\'</w:t>
      </w:r>
      <w:r w:rsidRPr="00651F56">
        <w:rPr>
          <w:rFonts w:ascii="Courier New" w:hAnsi="Courier New" w:cs="Courier New"/>
        </w:rPr>
        <w:t>e8\'fe \'c7\'e0\'e5\'ec\'f9\'e8\'ea\'ee\'ec \'ce\'e1\'ff\'e7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5\'eb\'fc\'f1\'f2\'e2 \'ef\'ee \'ca\'f0\'e5\'e4\'e8\'f2\'ed\'ee\'ec\'f3 \'f1\'ee\'e3\'eb\'e0\'f8\'e5\'ed\'e8\'fe \'e2 \'ef\'ee\'eb\'ed\'ee\'ec \'ee\'e1\'fa\'e5\'ec\'e5.}{\rtlch\fcs1 \</w:t>
      </w:r>
      <w:r w:rsidRPr="00651F56">
        <w:rPr>
          <w:rFonts w:ascii="Courier New" w:hAnsi="Courier New" w:cs="Courier New"/>
        </w:rPr>
        <w:t xml:space="preserve">af0\afs22 \ltrch\fcs0 \fs22\insrsid5000606\charrsid500060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fs22\insrsid5000606\charrsid5000606 \'c8\'ed\'fb\'e5 \'f3\'f1\'eb\'ee\'e2\'e8\'ff \'c4\'ee\'e3\'ee\'e2\'ee\'f0\'e0 \'ef\'ee\'f0\'f3\'f7\'e8\'f2\'e5</w:t>
      </w:r>
      <w:r w:rsidRPr="00651F56">
        <w:rPr>
          <w:rFonts w:ascii="Courier New" w:hAnsi="Courier New" w:cs="Courier New"/>
        </w:rPr>
        <w:t>\'eb\'fc\'f1\'f2\'e2\'e0, \'ed\'e5 \'f3\'ea\'e0\'e7\'e0\'ed\'ed\'f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2 \'ed\'e0\'f1\'f2\'ee\'ff\'f9\'e5\'ec \'ef\'f0\'ee\'f2\'ee\'ea\'ee\'eb\'e5, \'ee\'ef\'f0\'e5\'e4\'e5\'eb\'ff\'fe\'f2\'f1\'ff \'ef\'ee \'f3\'f1\'ec\'ee\'f2\'f0\'e5\'ed\'e8\'fe \'e</w:t>
      </w:r>
      <w:r w:rsidRPr="00651F56">
        <w:rPr>
          <w:rFonts w:ascii="Courier New" w:hAnsi="Courier New" w:cs="Courier New"/>
        </w:rPr>
        <w:t>5\'e4\'e8\'ed\'ee\'eb\'e8\'f7\'ed\'ee\'e3\'ee \'e8\'f1\'ef\'ee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d\'e8\'f2\'e5\'eb\'fc\'ed\'ee\'e3\'ee \'ee\'f0\'e3\'e0\'ed\'e0 \'cf\'ee\'f0\'f3\'f7\'e8\'f2\'e5\'eb\'ff.   }{\rtlch\fcs1 \af0\afs22 \ltrch\fcs0 \fs22\insrsid5000606\charrsid500060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</w:t>
      </w:r>
      <w:r w:rsidRPr="00651F56">
        <w:rPr>
          <w:rFonts w:ascii="Courier New" w:hAnsi="Courier New" w:cs="Courier New"/>
        </w:rPr>
        <w:t xml:space="preserve">ar }\pard \ltrpar\qj \li0\ri0\widctlpar\wrapdefault\aspalpha\aspnum\faauto\adjustright\rin0\lin0\itap0\pararsid8323676 {\rtlch\fcs1 \af0\afs22 \ltrch\fcs0 \b\fs22\cf6\insrsid8323676\charrsid500060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</w:t>
      </w:r>
      <w:r w:rsidRPr="00651F56">
        <w:rPr>
          <w:rFonts w:ascii="Courier New" w:hAnsi="Courier New" w:cs="Courier New"/>
        </w:rPr>
        <w:t xml:space="preserve">palpha\aspnum\faauto\adjustright\rin0\lin0\itap0\pararsid1991179 {\rtlch\fcs1 \ab\af0\afs22 \ltrch\fcs0 \b\fs22\insrsid1991179\charrsid538368 \'c2\'ee\'ef\'f0\'ee\'f1 \'b9 }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1991179 6}{\rtlch\fcs1 \ab\</w:t>
      </w:r>
      <w:r w:rsidRPr="00651F56">
        <w:rPr>
          <w:rFonts w:ascii="Courier New" w:hAnsi="Courier New" w:cs="Courier New"/>
        </w:rPr>
        <w:t xml:space="preserve">af0\afs22 \ltrch\fcs0 \b\fs22\insrsid1991179\charrsid538368  \'ef\'ee\'e2\'e5\'f1\'f2\'ea\'e8 \'e4\'ed\'ff \'ee\'e1\'f9\'e5\'e3\'ee \'f1\'ee\'e1\'f0\'e0\'ed\'e8\'ff: 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991179\charrsid8586865 \'ce\'e1 \'ee\</w:t>
      </w:r>
      <w:r w:rsidRPr="00651F56">
        <w:rPr>
          <w:rFonts w:ascii="Courier New" w:hAnsi="Courier New" w:cs="Courier New"/>
        </w:rPr>
        <w:t>'e4\'ee\'e1\'f0\'e5\'ed\'e8\'e8 \'e7\'e0\'ea\'eb\'fe\'f7\'e5\'ed\'e8\'ff \'e4\'ee\'ef\'ee\'eb\'ed\'e8\'f2\'e5\'eb\'fc\'ed\'ee\'e3\'ee \'f1\'ee\'e3\'eb\'e0\'f8\'e5\'ed\'e8\'ff \'b97 \'ee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11.12.2020 \'e3\'ee\'e4\'e0 \'ea \'e4\'ee\'e3\'ee\'e2\'ee\'f0\'f</w:t>
      </w:r>
      <w:r w:rsidRPr="00651F56">
        <w:rPr>
          <w:rFonts w:ascii="Courier New" w:hAnsi="Courier New" w:cs="Courier New"/>
        </w:rPr>
        <w:t xml:space="preserve">3 \'ef\'ee\'f0\'f3\'f7\'e8\'f2\'e5\'eb\'fc\'f1\'f2\'e2\'e0 \'b9 \'c4\'cf4-\'d6\'d3-702750/2016/00046 \'ee\'f2 14.09.2016 \'e3\'ee\'e4\'e0, \'e7\'e0\'ea\'eb\'fe\'f7\'e5\'ed\'ed\'ee\'e3\'ee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'e5\'e6\'e4\'f3 \'c1\'e0\'ed\'ea\'ee\'ec \'c2\'d2\'c1 (\'cf\'</w:t>
      </w:r>
      <w:r w:rsidRPr="00651F56">
        <w:rPr>
          <w:rFonts w:ascii="Courier New" w:hAnsi="Courier New" w:cs="Courier New"/>
        </w:rPr>
        <w:t>c0\'ce) \'e8 \'c0\'ce \'ab\'d2\'e5\'f0\'ec\'e8\'ed\'e0\'eb \'c0\'f1\'f2\'e0\'f4\'fc\'e5\'e2\'e0\'bb (\'c8\'cd\'cd 2508001618), \'ff\'e2\'eb\'ff\'fe\'f9\'e5\'e3\'ee\'f1\'ff \'ea\'f0\'f3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9 \'f1\'e4\'e5\'eb\'ea\'ee\'e9, \'e2 \'f1\'e2\'ff\'e7\'</w:t>
      </w:r>
      <w:r w:rsidRPr="00651F56">
        <w:rPr>
          <w:rFonts w:ascii="Courier New" w:hAnsi="Courier New" w:cs="Courier New"/>
        </w:rPr>
        <w:t>e8 \'f1 \'e7\'e0\'ea\'eb\'fe\'f7\'e5\'ed\'e8\'e5\'ec \'e4\'ee\'ef\'ee\'eb\'ed\'e8\'f2\'e5\'eb\'fc\'ed\'ee\'e3\'ee \'f1\'ee\'e3\'eb\'e0\'f8\'e5\'ed\'e8\'ff \'b910 \'ee\'f2 11.12.2020 \'e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4\'e0 \'ea \'ea\'f0\'e5\'e4\'e8\'f2\'ed\'ee\'ec\'f3 \'f1\'ee\</w:t>
      </w:r>
      <w:r w:rsidRPr="00651F56">
        <w:rPr>
          <w:rFonts w:ascii="Courier New" w:hAnsi="Courier New" w:cs="Courier New"/>
        </w:rPr>
        <w:t>'e3\'eb\'e0\'f8\'e5\'ed\'e8\'fe \'b9\'ca\'d1-\'d6\'d3-702750/2016/00046 \'ee\'f2 14.09.2016, \'e7\'e0\'ea\'eb\'fe\'f7\'e5\'ed\'ed\'ee\'ec\'f3 \'ec\'e5\'e6\'e4\'f3 \'ce\'ce\'ce \'ab\'c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b\'fc\'d0\'fb\'e1\'cf\'ee\'f0\'f2\'bb (\'c8\'cd\'cd 2537047582)</w:t>
      </w:r>
      <w:r w:rsidRPr="00651F56">
        <w:rPr>
          <w:rFonts w:ascii="Courier New" w:hAnsi="Courier New" w:cs="Courier New"/>
        </w:rPr>
        <w:t xml:space="preserve"> \'e8 \'c1\'e0\'ed\'ea\'ee\'ec \'c2\'d2\'c1 (\'cf\'c0\'ce)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8\qj \li0\ri0\widctlpar\wrapdefault\aspalpha\aspnum\faauto\adjustright\rin0\lin0\itap0\pararsid3619701 \rtlch\fcs1 \af0\afs20\alang1025 \ltrch\fcs0 \fs24\lang1049\lang</w:t>
      </w:r>
      <w:r w:rsidRPr="00651F56">
        <w:rPr>
          <w:rFonts w:ascii="Courier New" w:hAnsi="Courier New" w:cs="Courier New"/>
        </w:rPr>
        <w:t xml:space="preserve">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b\fs22\insrsid199117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wrapdefault\aspalpha\aspnum\faauto\adjustright\rin0\lin0\itap0\pararsid8323676 \rtlch\fcs1 \af0\afs20\ala</w:t>
      </w:r>
      <w:r w:rsidRPr="00651F56">
        <w:rPr>
          <w:rFonts w:ascii="Courier New" w:hAnsi="Courier New" w:cs="Courier New"/>
        </w:rPr>
        <w:t xml:space="preserve">ng1025 \ltrch\fcs0 \fs20\lang1049\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472349\charrsid538368 \'d0\'e5\'e7\'f3\'eb\'fc\'f2\'e0\'f2\'fb \'e3\'ee\'eb\'ee\'f1\'ee\'e2\'e0\'ed\'e8\'ff}{\rtlch\fcs1 \af0</w:t>
      </w:r>
      <w:r w:rsidRPr="00651F56">
        <w:rPr>
          <w:rFonts w:ascii="Courier New" w:hAnsi="Courier New" w:cs="Courier New"/>
        </w:rPr>
        <w:t xml:space="preserve">\afs22 \ltrch\fcs0 \b\fs22\insrsid472349\charrsid538368  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b\fs22\insrsid8323676\charrsid538368 \'ef\'ee }{\rtlch\fcs1 \af0\afs22 \ltrch\fcs0 \b\fs22\insrsid8323676 \'f8\'e5\'f1\'f2\'ee\'ec\'f3}{\rtlch\fcs1 \af0\afs22 </w:t>
      </w:r>
      <w:r w:rsidRPr="00651F56">
        <w:rPr>
          <w:rFonts w:ascii="Courier New" w:hAnsi="Courier New" w:cs="Courier New"/>
        </w:rPr>
        <w:t>\ltrch\fcs0 \b\fs22\insrsid8323676\charrsid538368  \'e2\'ee\'ef\'f0\'ee\'f1\'f3 \'ef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1\'f2\'ea\'e8 \'e4\'ed\'ff:}{\rtlch\fcs1 \af0\afs22 \ltrch\fcs0 \b\fs22\cf6\insrsid8323676\charrsid538368  }{\rtlch\fcs1 \af0\afs22 \ltrch\fcs0 \b\fs22\cf6</w:t>
      </w:r>
      <w:r w:rsidRPr="00651F56">
        <w:rPr>
          <w:rFonts w:ascii="Courier New" w:hAnsi="Courier New" w:cs="Courier New"/>
        </w:rPr>
        <w:t xml:space="preserve">\insrsid832367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sb120\widctlpar\tx4536\wrapdefault\aspalpha\aspnum\faauto\adjustright\rin0\lin0\itap0\pararsid7937280 {\rtlch\fcs1 \af0\afs22 \ltrch\fcs0 \fs22\insrsid7937280\charrsid2451716 \'d7\'e8\'f1\'eb\'ee \'e3\'ee\'</w:t>
      </w:r>
      <w:r w:rsidRPr="00651F56">
        <w:rPr>
          <w:rFonts w:ascii="Courier New" w:hAnsi="Courier New" w:cs="Courier New"/>
        </w:rPr>
        <w:t xml:space="preserve">eb\'ee\'f1\'ee\'e2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e\'f2\'ee\'f0\'fb\'ec\'e8 \'ee\'e1\'eb\'e0\'e4\'e0\'eb\'e8 \'eb\'e8\'f6\'e0, \'e2\'ea\'eb\'fe\'f7\'e5\'ed\'ed\'fb\'e5 \'e2 \'f1\'ef\'e8\'f1\'ee\'ea \'eb\'e8\'f6, \'e8\'ec\'e5\'e2\'f8\'e8\'f5 \'ef\'f0\'e0\'e2\'ee \'ed\'e0 \'f3\'</w:t>
      </w:r>
      <w:r w:rsidRPr="00651F56">
        <w:rPr>
          <w:rFonts w:ascii="Courier New" w:hAnsi="Courier New" w:cs="Courier New"/>
        </w:rPr>
        <w:t>f7\'e0\'f1\'f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2  \'ee\'e1\'f9\'e5\'ec \'f1\'ee\'e1\'f0\'e0\'ed\'e8\'e8 \'e0\'ea\'f6\'e8\'ee\'ed\'e5\'f0\'ee\'e2, \'ef\'ee \'e4\'e0\'ed\'ed\'ee\'ec\'f3 \'e2\'ee\'ef\'f0\'ee\'f1\'f3 \'ef\'ee\'e2\'e5\'f1\'f2\'ea\'e8 \'e4\'ed\'ff \'ee\'e1\'f9\'e5</w:t>
      </w:r>
      <w:r w:rsidRPr="00651F56">
        <w:rPr>
          <w:rFonts w:ascii="Courier New" w:hAnsi="Courier New" w:cs="Courier New"/>
        </w:rPr>
        <w:t>\'e3\'ee \'f1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1\'f0\'e0\'ed\'e8\'ff, -  830 380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f\'f0\'e8\'f5\'ee\'e4\'e8\'e2\'f8\'e8\'f5\'f1\'ff \'ed\'e0 \'e3\'ee\'eb\'ee\'f1\'f3\'fe\'f9\'e8\'e5 \'e0\'ea\'f6\'e8\'e8 \'ee\'e1\'f9\'e5\</w:t>
      </w:r>
      <w:r w:rsidRPr="00651F56">
        <w:rPr>
          <w:rFonts w:ascii="Courier New" w:hAnsi="Courier New" w:cs="Courier New"/>
        </w:rPr>
        <w:t>'f1\'f2\'e2\'e0, \'ef\'ee \'e4\'e0\'ed\'ed\'ee\'ec\'f3 \'e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e\'f1\'f3 \'ef\'ee\'e2\'e5\'f1\'f2\'ea\'e8 \'e4\'ed\'ff \'ee\'e1\'f9\'e5\'e3\'ee \'f1\'ee\'e1\'f0\'e0\'ed\'e8\'ff, \'ee\'ef\'f0\'e5\'e4\'e5\'eb\'e5\'ed\'ed\'ee\'e5 \'f1 \'f3\'f7\'e</w:t>
      </w:r>
      <w:r w:rsidRPr="00651F56">
        <w:rPr>
          <w:rFonts w:ascii="Courier New" w:hAnsi="Courier New" w:cs="Courier New"/>
        </w:rPr>
        <w:t>5\'f2\'ee\'ec \'f2\'f0\'e5\'e1\'ee\'e2\'e0\'ed\'e8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. 4.24. \'cf\'ee\'eb\'ee\'e6\'e5\'ed\'e8\'e5 \'c1\'e0\'ed\'ea\'e0 \'d0\'ee\'f1\'f1\'e8\'e8 \'b9 660-\'cf \'ee\'f2 16.11.2018\'e3. \'ab\'ce\'e1 \'ee\'e1\'f9\'e8\'f5 \'f1\'ee\'e1\'f0\'e0\'ed\'e8\'f</w:t>
      </w:r>
      <w:r w:rsidRPr="00651F56">
        <w:rPr>
          <w:rFonts w:ascii="Courier New" w:hAnsi="Courier New" w:cs="Courier New"/>
        </w:rPr>
        <w:t xml:space="preserve">f\'f5 \'e0\'ea\'f6\'e8\'ee\'ed\'e5\'f0\'ee\'e2\'bb, \endash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472 104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a\'ee\'f2\'ee\'f0\'fb\'ec\'e8 \'ee\'e1\'eb\'e0\'e4\'e0\'eb\'e8 \'eb\'e8\'f6\'e0, \'ef\'f0\'e8\'ed\'ff\'e2\'f8\'e8\'e5 \'f3\'</w:t>
      </w:r>
      <w:r w:rsidRPr="00651F56">
        <w:rPr>
          <w:rFonts w:ascii="Courier New" w:hAnsi="Courier New" w:cs="Courier New"/>
        </w:rPr>
        <w:t>f7\'e0\'f1\'f2\'e8\'e5  \'e2 \'ee\'e1\'f9\'e5\'ec  \'f1\'ee\'e1\'f0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8\'e8, \'ef\'ee \'e4\'e0\'ed\'ed\'ee\'ec\'f3 \'e2\'ee\'ef\'f0\'ee\'f1\'f3 \'ef\'ee\'e2\'e5\'f1\'f2\'ea\'e8 \'e4\'ed\'ff \'f1\'ee\'e1\'f0\'e0\'ed\'e8\'ff,  - 434 8}{\rtlch\fcs1 </w:t>
      </w:r>
      <w:r w:rsidRPr="00651F56">
        <w:rPr>
          <w:rFonts w:ascii="Courier New" w:hAnsi="Courier New" w:cs="Courier New"/>
        </w:rPr>
        <w:t xml:space="preserve">\af0\afs22 \ltrch\fcs0 \fs22\insrsid7937280 57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7937280\charrsid2451716 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tx4536\wrapdefault\aspalpha\aspnum\faauto\adjustright\rin0\lin0\itap0\pararsid7937280 {\r</w:t>
      </w:r>
      <w:r w:rsidRPr="00651F56">
        <w:rPr>
          <w:rFonts w:ascii="Courier New" w:hAnsi="Courier New" w:cs="Courier New"/>
        </w:rPr>
        <w:t>tlch\fcs1 \af0\afs22 \ltrch\fcs0 \fs22\insrsid7937280\charrsid2451716 \'ca\'e2\'ee\'f0\'f3\'ec \'ef\'ee \'e4\'e0\'ed\'ed\'ee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 \'e2\'ee\'ef\'f0\'ee\'f1\'f3 \'ef\'ee\'e2\'e5\'f1\'f2\'ea\'e8 \'e4\'ed\'ff \'e8\'ec\'e5\'e5\'f2\'f1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</w:t>
      </w:r>
      <w:r w:rsidRPr="00651F56">
        <w:rPr>
          <w:rFonts w:ascii="Courier New" w:hAnsi="Courier New" w:cs="Courier New"/>
        </w:rPr>
        <w:t xml:space="preserve">in \ltrpar\s24\qj \li0\ri0\widctlpar\tx4536\wrapdefault\aspalpha\aspnum\faauto\adjustright\rin0\lin0\itap0\pararsid7937280 \rtlch\fcs1 \af0\afs20\alang1025 \ltrch\fcs0 \fs24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</w:t>
      </w:r>
      <w:r w:rsidRPr="00651F56">
        <w:rPr>
          <w:rFonts w:ascii="Courier New" w:hAnsi="Courier New" w:cs="Courier New"/>
        </w:rPr>
        <w:t>\fcs0 \fs22\insrsid7937280 \'d7}{\rtlch\fcs1 \af0\afs22 \ltrch\fcs0 \fs22\insrsid7937280\charrsid2451716 \'e8\'f1\'eb\'ee \'e3\'ee\'eb\'ee\'f1\'ee\'e2, \'ee\'f2\'e4\'e0\'ed\'ed\'fb\'f5 \'e7\'e0 \'ea\'e0\'e6\'e4\'fb\'e9 \'e8\'e7 \'e2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8\'e0\'ed\'</w:t>
      </w:r>
      <w:r w:rsidRPr="00651F56">
        <w:rPr>
          <w:rFonts w:ascii="Courier New" w:hAnsi="Courier New" w:cs="Courier New"/>
        </w:rPr>
        <w:t>f2\'ee\'e2 \'e3\'ee\'eb\'ee\'f1\'ee\'e2\'e0\'ed\'e8\'ff \'ef\'ee \'e4\'e0\'ed\'ed\'ee\'ec\'f3 \'e2\'ee\'ef\'f0\'ee\'f1\'f3 \'ef\'ee\'e2\'e5\'f1\'f2\'ea\'e8 \'e4\'ed\'ff \'f1\'ee\'e1\'f0\'e0\'ed\'e8\'ff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fi709\li0\ri0\widctlpa</w:t>
      </w:r>
      <w:r w:rsidRPr="00651F56">
        <w:rPr>
          <w:rFonts w:ascii="Courier New" w:hAnsi="Courier New" w:cs="Courier New"/>
        </w:rPr>
        <w:t xml:space="preserve">r\wrapdefault\aspalpha\aspnum\faauto\adjustright\rin0\lin0\itap0\pararsid7937280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7937280\charrsid7937280</w:t>
      </w:r>
      <w:r w:rsidRPr="00651F56">
        <w:rPr>
          <w:rFonts w:ascii="Courier New" w:hAnsi="Courier New" w:cs="Courier New"/>
        </w:rPr>
        <w:t xml:space="preserve"> \'ab\'e7\'e0\'bb -  434 857;     \'ab\'ef\'f0\'ee\'f2\'e8\'e2\'bb -  0;     \'ab\'e2\'ee\'e7\'e4\'e5\'f0\'e6\'e0\'eb\'f1\'ff\'bb - 0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8323676</w:t>
      </w:r>
      <w:r w:rsidRPr="00651F56">
        <w:rPr>
          <w:rFonts w:ascii="Courier New" w:hAnsi="Courier New" w:cs="Courier New"/>
        </w:rPr>
        <w:t xml:space="preserve"> {\rtlch\fcs1 \af0\afs22 \ltrch\fcs0 \b\fs22\cf6\insrsid4723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6183202 {\rtlch\fcs1 \af0\afs22 \ltrch\fcs0 \b\fs22\insrsid8323676\charrsid538</w:t>
      </w:r>
      <w:r w:rsidRPr="00651F56">
        <w:rPr>
          <w:rFonts w:ascii="Courier New" w:hAnsi="Courier New" w:cs="Courier New"/>
        </w:rPr>
        <w:t xml:space="preserve">368 \'d0\'e5\'f8\'e5\'ed\'e8\'e5 \'f1\'ee\'e1\'f0\'e0\'ed\'e8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e }{\rtlch\fcs1 \af0\afs22 \ltrch\fcs0 \b\fs22\insrsid8323676 \'f8\'e5\'f1\'f2\'ee\'ec\'f3}{\rtlch\fcs1 \af0\afs22 \ltrch\fcs0 \b\fs22\insrsid8323676\charrsid538368  \'e2\'ee\'ef\'f</w:t>
      </w:r>
      <w:r w:rsidRPr="00651F56">
        <w:rPr>
          <w:rFonts w:ascii="Courier New" w:hAnsi="Courier New" w:cs="Courier New"/>
        </w:rPr>
        <w:t>0\'ee\'f1\'f3 \'ef\'ee\'e2\'e5\'f1\'f2\'ea\'e8 \'e4\'ed\'ff: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b\fs22\cf6\insrsid8323676\charrsid538368  }{\rtlch\fcs1 \af0\afs22 \ltrch\fcs0 \fs22\insrsid6183202\charrsid6183202 {\*\bkmkstart _Hlk72509216}\'ce\'c4\'ce\</w:t>
      </w:r>
      <w:r w:rsidRPr="00651F56">
        <w:rPr>
          <w:rFonts w:ascii="Courier New" w:hAnsi="Courier New" w:cs="Courier New"/>
        </w:rPr>
        <w:t xml:space="preserve">'c1\'d0\'c8\'d2\'dc \'e7\'e0\'ea\'eb\'fe\'f7\'e5\'ed\'e8\'e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e\'ef\'ee\'eb\'ed\'e8\'f2\'e5\'eb\'fc\'ed\'ee\'e3\'ee \'f1\'ee\'e3\'eb\'e0\'f8\'e5\'ed\'e8\'ff \'b97 \'ee\'f2 11.12.2020 \'e3\'ee\'e4\'e0 \'ea \'e4\'ee\'e3\'ee\'e2\'ee\'f0\'f3 \'ef\'ee\'</w:t>
      </w:r>
      <w:r w:rsidRPr="00651F56">
        <w:rPr>
          <w:rFonts w:ascii="Courier New" w:hAnsi="Courier New" w:cs="Courier New"/>
        </w:rPr>
        <w:t xml:space="preserve">f0\'f3\'f7\'e8\'f2\'e5\'eb\'fc\'f1\'f2\'e2\'e0 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lang1024\langfe1024\noproof\insrsid6183202\charrsid6183202 \'b9 \'c4\'cf4-\'d6\'d3-702750/2016/00046 \'ee\'f2 14.09.2016, }{\rtlch\fcs1 \af0\afs22 \ltrch\fcs0 \fs22</w:t>
      </w:r>
      <w:r w:rsidRPr="00651F56">
        <w:rPr>
          <w:rFonts w:ascii="Courier New" w:hAnsi="Courier New" w:cs="Courier New"/>
        </w:rPr>
        <w:t>\insrsid6183202\charrsid6183202 \'e7\'e0\'ea\'eb\'fe\'f7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d\'ee\'e3\'ee \'ec\'e5\'e6\'e4\'f3 \'c1\'e0\'ed\'ea\'ee\'ec \'c2\'d2\'c1 (\'cf\'c0\'ce) \'e8 \'c0\'ce \'ab\'d2\'e5\'f0\'ec\'e8\'ed\'e0\'eb \'c0\'f1\'f2\'e0\'f4\'fc\'e5\'e2\'e0\'bb (\'c8\'</w:t>
      </w:r>
      <w:r w:rsidRPr="00651F56">
        <w:rPr>
          <w:rFonts w:ascii="Courier New" w:hAnsi="Courier New" w:cs="Courier New"/>
        </w:rPr>
        <w:t>cd\'cd 2508001618), \'ff\'e2\'eb\'ff\'fe\'f9\'e5\'e3\'ee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 \'ea\'f0\'f3\'ef\'ed\'ee\'e9 \'f1\'e4\'e5\'eb\'ea\'ee\'e9, \'e2 \'f1\'e2\'ff\'e7\'e8 \'f1 \'e7\'e0\'ea\'eb\'fe\'f7\'e5\'ed\'e8\'e5\'ec \'e4\'ee\'ef\'ee\'eb\'ed\'e8\'f2\'e5\'eb\'fc\'ed\'ee\'</w:t>
      </w:r>
      <w:r w:rsidRPr="00651F56">
        <w:rPr>
          <w:rFonts w:ascii="Courier New" w:hAnsi="Courier New" w:cs="Courier New"/>
        </w:rPr>
        <w:t>e3\'ee \'f1\'ee\'e3\'eb\'e0\'f8\'e5\'ed\'e8\'ff \'b910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 11.12.2020 \'e3\'ee\'e4\'e0 \'ea \'ea\'f0\'e5\'e4\'e8\'f2\'ed\'ee\'ec\'f3 \'f1\'ee\'e3\'eb\'e0\'f8\'e5\'ed\'e8\'fe \'b9\'ca\'d1-\'d6\'d3-702750/2016/00046 \'ee\'f2 14.09.2016, \'e7\'e0\'ea\'</w:t>
      </w:r>
      <w:r w:rsidRPr="00651F56">
        <w:rPr>
          <w:rFonts w:ascii="Courier New" w:hAnsi="Courier New" w:cs="Courier New"/>
        </w:rPr>
        <w:t>eb\'fe\'f7\'e5\'ed\'ed\'ee\'ec\'f3 \'ec\'e5\'e6\'e4\'f3 \'c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e\'ce \'ab\'c4\'e0\'eb\'fc\'d0\'fb\'e1\'cf\'ee\'f0\'f2\'bb (\'c8\'cd\'cd 2537047582) \'e8 \'c1\'e0\'ed\'ea\'ee\'ec \'c2\'d2\'c1 (\'cf\'c0\'ce) }{\rtlch\fcs1 \af0\afs22 \ltrch\fcs0 \fs22\lang1</w:t>
      </w:r>
      <w:r w:rsidRPr="00651F56">
        <w:rPr>
          <w:rFonts w:ascii="Courier New" w:hAnsi="Courier New" w:cs="Courier New"/>
        </w:rPr>
        <w:t>024\langfe1024\noproof\insrsid6183202\charrsid6183202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1 \'e8\'e7\'ec\'e5\'ed\'e5\'ed\'e8\'e8 \'ef\'f0\'ee\'f6\'e5\'ed\'f2\'ed\'ee\'e9 \'f1\'f2\'e0\'e2\'ea\'e8 \'e2 \'f2\'e5\'f7\'e5\'ed\'e8\'e5 \'f3\'f7\'e0\'f1\'f2\'e8\'ff \'e2 \'cf\'f0\'ee\'e3\'f0</w:t>
      </w:r>
      <w:r w:rsidRPr="00651F56">
        <w:rPr>
          <w:rFonts w:ascii="Courier New" w:hAnsi="Courier New" w:cs="Courier New"/>
        </w:rPr>
        <w:t xml:space="preserve">\'e0\'ec\'ec\'e5 \'e4\'ee \'f3\'f0\'ee\'e2\'ed\'ff 7,9%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\'e4\'ee\'e2\'fb\'f5}{\rtlch\fcs1 \af0 \ltrch\fcs0 \insrsid6183202\charrsid13643945 .{\*\bkmkend _Hlk72509216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</w:t>
      </w:r>
      <w:r w:rsidRPr="00651F56">
        <w:rPr>
          <w:rFonts w:ascii="Courier New" w:hAnsi="Courier New" w:cs="Courier New"/>
        </w:rPr>
        <w:t xml:space="preserve">djustright\rin0\lin0\itap0\pararsid8323676 {\rtlch\fcs1 \af0\afs22 \ltrch\fcs0 \b\fs22\cf6\insrsid832367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\pard \ltrpar\qj \li0\ri0\widctlpar\wrapdefault\aspalpha\aspnum\faauto\adjustright\rin0\lin0\itap0\pararsid1991179 {\rtlch\fcs1 \ab\af0\afs22 </w:t>
      </w:r>
      <w:r w:rsidRPr="00651F56">
        <w:rPr>
          <w:rFonts w:ascii="Courier New" w:hAnsi="Courier New" w:cs="Courier New"/>
        </w:rPr>
        <w:t xml:space="preserve">\ltrch\fcs0 \b\fs22\insrsid1991179\charrsid538368 \'c2\'ee\'ef\'f0\'ee\'f1 \'b9 }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1991179 7}{\rtlch\fcs1 \ab\af0\afs22 \ltrch\fcs0 \b\fs22\insrsid1991179\charrsid538368  \'ef\'ee\'e2\'e5\'f1\'f2\'ea\'e</w:t>
      </w:r>
      <w:r w:rsidRPr="00651F56">
        <w:rPr>
          <w:rFonts w:ascii="Courier New" w:hAnsi="Courier New" w:cs="Courier New"/>
        </w:rPr>
        <w:t xml:space="preserve">8 \'e4\'ed\'ff \'ee\'e1\'f9\'e5\'e3\'ee \'f1\'ee\'e1\'f0\'e0\'ed\'e8\'ff: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1991179\charrsid1991179  }{\rtlch\fcs1 \af0\afs22 \ltrch\fcs0 \fs22\insrsid1991179\charrsid8586865 \'ce\'e1 \'ee\'e4\'ee\'e1\'f0\'e</w:t>
      </w:r>
      <w:r w:rsidRPr="00651F56">
        <w:rPr>
          <w:rFonts w:ascii="Courier New" w:hAnsi="Courier New" w:cs="Courier New"/>
        </w:rPr>
        <w:t>5\'ed\'e8\'e8 \'f1\'e4\'e5\'eb\'ea\'e8, \'f1\'ee\'e2\'e5\'f0\'f8\'e0\'e5\'ec\'ee\'e9 \'f1 \'e7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d\'f2\'e5\'f0\'e5\'f1\'ee\'e2\'e0\'ed\'ed\'ee\'f1\'f2\'fc\'fe -  \'e7\'e0\'ea\'eb\'fe\'f7\'e5\'ed\'e8\'e5 \'e4\'ee\'ef\'ee\'eb\'ed\'e8\'f2\'e5\'eb\'f</w:t>
      </w:r>
      <w:r w:rsidRPr="00651F56">
        <w:rPr>
          <w:rFonts w:ascii="Courier New" w:hAnsi="Courier New" w:cs="Courier New"/>
        </w:rPr>
        <w:t>c\'ed\'ee\'e3\'ee \'f1\'ee\'e3\'eb\'e0\'f8\'e5\'ed\'e8\'ff \'b97 \'ee\'f2 11.12.2020 \'e3\'ee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ea \'e4\'ee\'e3\'ee\'e2\'ee\'f0\'f3 \'ef\'ee\'f0\'f3\'f7\'e8\'f2\'e5\'eb\'fc\'f1\'f2\'e2\'e0 \'b9 \'c4\'cf4-\'d6\'d3-702750/2016/00046 \'ee\'f2 14.09.</w:t>
      </w:r>
      <w:r w:rsidRPr="00651F56">
        <w:rPr>
          <w:rFonts w:ascii="Courier New" w:hAnsi="Courier New" w:cs="Courier New"/>
        </w:rPr>
        <w:t>2016, \'e7\'e0\'ea\'eb\'fe\'f7\'e5\'ed\'ed\'ee\'e3\'ee \'ec\'e5\'e6\'e4\'f3 \'c1\'e0\'ed\'ea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 \'c2\'d2\'c1 (\'cf\'c0\'ce) \'e8 \'c0\'ce \'ab\'d2\'e5\'f0\'ec\'e8\'ed\'e0\'eb \'c0\'f1\'f2\'e0\'f4\'fc\'e5\'e2\'e0\'bb (\'c8\'cd\'cd 2508001618), \'e2 \</w:t>
      </w:r>
      <w:r w:rsidRPr="00651F56">
        <w:rPr>
          <w:rFonts w:ascii="Courier New" w:hAnsi="Courier New" w:cs="Courier New"/>
        </w:rPr>
        <w:t>'f1\'e2\'ff\'e7\'e8 \'f1 \'e7\'e0\'ea\'eb\'fe\'f7\'e5\'ed\'e8\'e5\'ec \'e4\'ee\'ef\'ee\'eb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f2\'e5\'eb\'fc\'ed\'ee\'e3\'ee \'f1\'ee\'e3\'eb\'e0\'f8\'e5\'ed\'e8\'ff \'b910 \'ee\'f2 11.12.2020 \'e3\'ee\'e4\'e0 \'ea \'ea\'f0\'e5\'e4\'e8\'f2\'ed\'ee\</w:t>
      </w:r>
      <w:r w:rsidRPr="00651F56">
        <w:rPr>
          <w:rFonts w:ascii="Courier New" w:hAnsi="Courier New" w:cs="Courier New"/>
        </w:rPr>
        <w:t>'ec\'f3 \'f1\'ee\'e3\'eb\'e0\'f8\'e5\'ed\'e8\'fe \'b9\'ca\'d1-\'d6\'d3-702750/2016/00046 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 14.09.2016, \'e7\'e0\'ea\'eb\'fe\'f7\'e5\'ed\'ed\'ee\'ec\'f3 \'ec\'e5\'e6\'e4\'f3 \'ce\'ce\'ce \'ab\'c4\'e0\'eb\'fc\'d0\'fb\'e1\'cf\'ee\'f0\'f2\'bb (\'c8\'c</w:t>
      </w:r>
      <w:r w:rsidRPr="00651F56">
        <w:rPr>
          <w:rFonts w:ascii="Courier New" w:hAnsi="Courier New" w:cs="Courier New"/>
        </w:rPr>
        <w:t xml:space="preserve">d\'cd 2537047582) \'e8 \'c1\'e0\'ed\'ea\'ee\'ec \'c2\'d2\'c1 (\'cf\'c0\'ce).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af0\afs22 \ltrch\fcs0 \fs22\insrsid1991179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f0\afs22 \ltrch\fcs0 \fs22\insrsid832367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</w:t>
      </w:r>
      <w:r w:rsidRPr="00651F56">
        <w:rPr>
          <w:rFonts w:ascii="Courier New" w:hAnsi="Courier New" w:cs="Courier New"/>
        </w:rPr>
        <w:t>t\aspalpha\aspnum\faauto\adjustright\rin0\lin0\itap0\pararsid8323676 {\rtlch\fcs1 \ab\af0\afs22 \ltrch\fcs0 \b\fs22\insrsid472349\charrsid538368 \'d0\'e5\'e7\'f3\'eb\'fc\'f2\'e0\'f2\'fb \'e3\'ee\'eb\'ee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0\'ed\'e8\'ff}{\rtlch\fcs1 \af0\afs22</w:t>
      </w:r>
      <w:r w:rsidRPr="00651F56">
        <w:rPr>
          <w:rFonts w:ascii="Courier New" w:hAnsi="Courier New" w:cs="Courier New"/>
        </w:rPr>
        <w:t xml:space="preserve"> \ltrch\fcs0 \b\fs22\insrsid472349\charrsid538368  }{\rtlch\fcs1 \af0\afs22 \ltrch\fcs0 \b\fs22\insrsid8323676\charrsid538368 \'ef\'ee }{\rtlch\fcs1 \af0\afs22 \ltrch\fcs0 \b\fs22\insrsid8323676 \'f1\'e5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c\'ec\'ee\'ec\'f3}{\rtlch\fcs1 \af0\afs22 \l</w:t>
      </w:r>
      <w:r w:rsidRPr="00651F56">
        <w:rPr>
          <w:rFonts w:ascii="Courier New" w:hAnsi="Courier New" w:cs="Courier New"/>
        </w:rPr>
        <w:t>trch\fcs0 \b\fs22\insrsid8323676\charrsid538368  \'e2\'ee\'ef\'f0\'ee\'f1\'f3 \'ef\'ee\'e2\'e5\'f1\'f2\'ea\'e8 \'e4\'ed\'ff:}{\rtlch\fcs1 \af0\afs22 \ltrch\fcs0 \b\fs22\cf6\insrsid8323676\charrsid538368  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b\fs22\cf6\i</w:t>
      </w:r>
      <w:r w:rsidRPr="00651F56">
        <w:rPr>
          <w:rFonts w:ascii="Courier New" w:hAnsi="Courier New" w:cs="Courier New"/>
        </w:rPr>
        <w:t xml:space="preserve">nsrsid832367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sb120\widctlpar\tx4536\wrapdefault\aspalpha\aspnum\faauto\adjustright\rin0\lin0\itap0\pararsid6626089 {\rtlch\fcs1 \af0\afs22 \ltrch\fcs0 \fs22\insrsid6626089\charrsid2451716 \'d7\'e8\'f1\'eb\'ee \'e3\'ee\'eb</w:t>
      </w:r>
      <w:r w:rsidRPr="00651F56">
        <w:rPr>
          <w:rFonts w:ascii="Courier New" w:hAnsi="Courier New" w:cs="Courier New"/>
        </w:rPr>
        <w:t xml:space="preserve">\'ee\'f1\'ee\'e2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e\'f2\'ee\'f0\'fb\'ec\'e8 \'ee\'e1\'eb\'e0\'e4\'e0\'eb\'e8 \'eb\'e8\'f6\'e0, \'e2\'ea\'eb\'fe\'f7\'e5\'ed\'ed\'fb\'e5 \'e2 \'f1\'ef\'e8\'f1\'ee\'ea \'eb\'e8\'f6, \'e8\'ec\'e5\'e2\'f8\'e8\'f5 \'ef\'f0\'e0\'e2\'ee \'ed\'e0 \'f3\'f7</w:t>
      </w:r>
      <w:r w:rsidRPr="00651F56">
        <w:rPr>
          <w:rFonts w:ascii="Courier New" w:hAnsi="Courier New" w:cs="Courier New"/>
        </w:rPr>
        <w:t>\'e0\'f1\'f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2  \'ee\'e1\'f9\'e5\'ec \'f1\'ee\'e1\'f0\'e0\'ed\'e8\'e8 \'e0\'ea\'f6\'e8\'ee\'ed\'e5\'f0\'ee\'e2, \'ef\'ee \'e4\'e0\'ed\'ed\'ee\'ec\'f3 \'e2\'ee\'ef\'f0\'ee\'f1\'f3 \'ef\'ee\'e2\'e5\'f1\'f2\'ea\'e8 \'e4\'ed\'ff \'ee\'e1\'f9\'e5\'</w:t>
      </w:r>
      <w:r w:rsidRPr="00651F56">
        <w:rPr>
          <w:rFonts w:ascii="Courier New" w:hAnsi="Courier New" w:cs="Courier New"/>
        </w:rPr>
        <w:t>e3\'ee \'f1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1\'f0\'e0\'ed\'e8\'ff, -  830 380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f\'f0\'e8\'f5\'ee\'e4\'e8\'e2\'f8\'e8\'f5\'f1\'ff \'ed\'e0 \'e3\'ee\'eb\'ee\'f1\'f3\'fe\'f9\'e8\'e5 \'e0\'ea\'f6\'e8\'e8 \'ee\'e1\'f9\'e5\'f</w:t>
      </w:r>
      <w:r w:rsidRPr="00651F56">
        <w:rPr>
          <w:rFonts w:ascii="Courier New" w:hAnsi="Courier New" w:cs="Courier New"/>
        </w:rPr>
        <w:t>1\'f2\'e2\'e0, \'ef\'ee \'e4\'e0\'ed\'ed\'ee\'ec\'f3 \'e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e\'f1\'f3 \'ef\'ee\'e2\'e5\'f1\'f2\'ea\'e8 \'e4\'ed\'ff \'ee\'e1\'f9\'e5\'e3\'ee \'f1\'ee\'e1\'f0\'e0\'ed\'e8\'ff, \'ee\'ef\'f0\'e5\'e4\'e5\'eb\'e5\'ed\'ed\'ee\'e5 \'f1 \'f3\'f7\'e5\</w:t>
      </w:r>
      <w:r w:rsidRPr="00651F56">
        <w:rPr>
          <w:rFonts w:ascii="Courier New" w:hAnsi="Courier New" w:cs="Courier New"/>
        </w:rPr>
        <w:t>'f2\'ee\'ec \'f2\'f0\'e5\'e1\'ee\'e2\'e0\'ed\'e8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. 4.24. \'cf\'ee\'eb\'ee\'e6\'e5\'ed\'e8\'e5 \'c1\'e0\'ed\'ea\'e0 \'d0\'ee\'f1\'f1\'e8\'e8 \'b9 660-\'cf \'ee\'f2 16.11.2018\'e3. \'ab\'ce\'e1 \'ee\'e1\'f9\'e8\'f5 \'f1\'ee\'e1\'f0\'e0\'ed\'e8\'ff\</w:t>
      </w:r>
      <w:r w:rsidRPr="00651F56">
        <w:rPr>
          <w:rFonts w:ascii="Courier New" w:hAnsi="Courier New" w:cs="Courier New"/>
        </w:rPr>
        <w:t xml:space="preserve">'f5 \'e0\'ea\'f6\'e8\'ee\'ed\'e5\'f0\'ee\'e2\'bb, \endash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472 104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e\'eb\'ee\'f1\'ee\'e2, \'ea\'ee\'f2\'ee\'f0\'fb\'ec\'e8 \'ee\'e1\'eb\'e0\'e4\'e0\'eb\'e8 \'eb\'e8\'f6\'e0, \'ef\'f0\'e8\'ed\'ff\'e2\'f8\'e8\'e5 \'f3\'f7</w:t>
      </w:r>
      <w:r w:rsidRPr="00651F56">
        <w:rPr>
          <w:rFonts w:ascii="Courier New" w:hAnsi="Courier New" w:cs="Courier New"/>
        </w:rPr>
        <w:t>\'e0\'f1\'f2\'e8\'e5  \'e2 \'ee\'e1\'f9\'e5\'ec  \'f1\'ee\'e1\'f0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8, \'ef\'ee \'e4\'e0\'ed\'ed\'ee\'ec\'f3 \'e2\'ee\'ef\'f0\'ee\'f1\'f3 \'ef\'ee\'e2\'e5\'f1\'f2\'ea\'e8 \'e4\'ed\'ff \'f1\'ee\'e1\'f0\'e0\'ed\'e8\'ff,  - 434}{\rtlch\fcs1 \af0</w:t>
      </w:r>
      <w:r w:rsidRPr="00651F56">
        <w:rPr>
          <w:rFonts w:ascii="Courier New" w:hAnsi="Courier New" w:cs="Courier New"/>
        </w:rPr>
        <w:t xml:space="preserve">\afs22 \ltrch\fcs0 \fs22\insrsid6626089 \~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6626089\charrsid2451716 8}{\rtlch\fcs1 \af0\afs22 \ltrch\fcs0 \fs22\insrsid6626089 57}{\rtlch\fcs1 \af0\afs22 \ltrch\fcs0 \fs22\insrsid6626089\charrsid2451716 .}{</w:t>
      </w:r>
      <w:r w:rsidRPr="00651F56">
        <w:rPr>
          <w:rFonts w:ascii="Courier New" w:hAnsi="Courier New" w:cs="Courier New"/>
        </w:rPr>
        <w:t xml:space="preserve">\rtlch\fcs1 \af0\afs22 \ltrch\fcs0 \fs22\insrsid662608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s22\insrsid6626089\charrsid4811378 \'d7\'e8\'f1\'eb\'ee \'e3\'ee\'eb\'ee\'f1\'ee\'e2, \'ea\'ee\'f2\'ee\'f0\'fb\'ec\'e8 \'ee\'e1\'eb\'e0\'e4\'e0\'eb\'e8 \'</w:t>
      </w:r>
      <w:r w:rsidRPr="00651F56">
        <w:rPr>
          <w:rFonts w:ascii="Courier New" w:hAnsi="Courier New" w:cs="Courier New"/>
        </w:rPr>
        <w:t>eb\'e8\'f6\'e0, \'ed\'e5 \'e7\'e0\'e8\'ed\'f2\'e5\'f0\'e5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0\'ed\'ed\'fb\'e5 \'e2 \'f1\'ee\'e2\'e5\'f0\'f8\'e5\'ed\'e8\'e8 \'ee\'e1\'f9\'e5\'f1\'f2\'e2\'ee\'ec \'f1\'e4\'e5\'eb\'ea\'e8,  \'ef\'f0\'e8\'ed\'ff\'e2\'f8\'e8\'e5 \'f3\'f7\'e0\'f1\</w:t>
      </w:r>
      <w:r w:rsidRPr="00651F56">
        <w:rPr>
          <w:rFonts w:ascii="Courier New" w:hAnsi="Courier New" w:cs="Courier New"/>
        </w:rPr>
        <w:t>'f2\'e8\'e5  \'e2 \'ee\'e1\'f9\'e5\'ec  \'f1\'ee\'e1\'f0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8\'e8 \'e0\'ea\'f6\'e8\'ee\'ed\'e5\'f0\'ee\'e2 \'ef\'ee \'e2\'ee\'ef\'f0\'ee\'f1\'f3 \'ef\'ee\'e2\'e5\'f1\'f2\'ea\'e8 \'e4\'ed\'ff \'f1\'ee\'e1\'f0\'e0\'ed\'e8\'ff,  -}{\rtlch\fcs1 \af0\a</w:t>
      </w:r>
      <w:r w:rsidRPr="00651F56">
        <w:rPr>
          <w:rFonts w:ascii="Courier New" w:hAnsi="Courier New" w:cs="Courier New"/>
        </w:rPr>
        <w:t xml:space="preserve">fs22 \ltrch\fcs0 \fs22\insrsid6626089  340 140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6626089\charrsid4811378 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tx4536\wrapdefault\aspalpha\aspnum\faauto\adjustright\rin0\lin0\itap0\pararsid6626089 {\r</w:t>
      </w:r>
      <w:r w:rsidRPr="00651F56">
        <w:rPr>
          <w:rFonts w:ascii="Courier New" w:hAnsi="Courier New" w:cs="Courier New"/>
        </w:rPr>
        <w:t>tlch\fcs1 \af0\afs22 \ltrch\fcs0 \fs22\insrsid6626089\charrsid2451716 \'ca\'e2\'ee\'f0\'f3\'ec \'ef\'ee \'e4\'e0\'ed\'ed\'ee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 \'e2\'ee\'ef\'f0\'ee\'f1\'f3 \'ef\'ee\'e2\'e5\'f1\'f2\'ea\'e8 \'e4\'ed\'ff \'e8\'ec\'e5\'e5\'f2\'f1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</w:t>
      </w:r>
      <w:r w:rsidRPr="00651F56">
        <w:rPr>
          <w:rFonts w:ascii="Courier New" w:hAnsi="Courier New" w:cs="Courier New"/>
        </w:rPr>
        <w:t xml:space="preserve">in \ltrpar\s24\qj \li0\ri0\widctlpar\tx4536\wrapdefault\aspalpha\aspnum\faauto\adjustright\rin0\lin0\itap0\pararsid6626089 \rtlch\fcs1 \af0\afs20\alang1025 \ltrch\fcs0 \fs24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</w:t>
      </w:r>
      <w:r w:rsidRPr="00651F56">
        <w:rPr>
          <w:rFonts w:ascii="Courier New" w:hAnsi="Courier New" w:cs="Courier New"/>
        </w:rPr>
        <w:t>\fcs0 \fs22\insrsid6626089\charrsid2451716 \'d7\'e8\'f1\'eb\'ee \'e3\'ee\'eb\'ee\'f1\'ee\'e2, \'ee\'f2\'e4\'e0\'ed\'ed\'fb\'f5 \'e7\'e0 \'ea\'e0\'e6\'e4\'fb\'e9 \'e8\'e7 \'e2\'e0\'f0\'e8\'e0\'ed\'f2\'ee\'e2 \'e3\'ee\'eb\'ee\'f1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d\'e8\'ff \'</w:t>
      </w:r>
      <w:r w:rsidRPr="00651F56">
        <w:rPr>
          <w:rFonts w:ascii="Courier New" w:hAnsi="Courier New" w:cs="Courier New"/>
        </w:rPr>
        <w:t>ef\'ee \'e4\'e0\'ed\'ed\'ee\'ec\'f3 \'e2\'ee\'ef\'f0\'ee\'f1\'f3 \'ef\'ee\'e2\'e5\'f1\'f2\'ea\'e8 \'e4\'ed\'ff \'f1\'ee\'e1\'f0\'e0\'ed\'e8\'ff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fi709\li0\ri0\widctlpar\wrapdefault\aspalpha\aspnum\faauto\adjustright\rin0\lin0</w:t>
      </w:r>
      <w:r w:rsidRPr="00651F56">
        <w:rPr>
          <w:rFonts w:ascii="Courier New" w:hAnsi="Courier New" w:cs="Courier New"/>
        </w:rPr>
        <w:t xml:space="preserve">\itap0\pararsid6626089 \rtlch\fcs1 \af0\afs20\alang1025 \ltrch\fcs0 \fs20\lang1049\langfe1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6626089\charrsid6626089 \'ab\'e7\'e0\'bb -  340 140;     \'ab\'ef\'f0\'ee\'f2\'e8</w:t>
      </w:r>
      <w:r w:rsidRPr="00651F56">
        <w:rPr>
          <w:rFonts w:ascii="Courier New" w:hAnsi="Courier New" w:cs="Courier New"/>
        </w:rPr>
        <w:t>\'e2\'bb -  0;     \'ab\'e2\'ee\'e7\'e4\'e5\'f0\'e6\'e0\'eb\'f1\'ff\'bb - 0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8323676 {\rtlch\fcs1 \af0\afs22 \ltrch\fcs0 \b\fs22\cf6\insrsid47</w:t>
      </w:r>
      <w:r w:rsidRPr="00651F56">
        <w:rPr>
          <w:rFonts w:ascii="Courier New" w:hAnsi="Courier New" w:cs="Courier New"/>
        </w:rPr>
        <w:t xml:space="preserve">23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6183202 {\rtlch\fcs1 \af0\afs22 \ltrch\fcs0 \b\fs22\insrsid8323676\charrsid538368 \'d0\'e5\'f8\'e5\'ed\'e8\'e5 \'f1\'ee\'e1\'f0\'e0\'ed\</w:t>
      </w:r>
      <w:r w:rsidRPr="00651F56">
        <w:rPr>
          <w:rFonts w:ascii="Courier New" w:hAnsi="Courier New" w:cs="Courier New"/>
        </w:rPr>
        <w:t xml:space="preserve">'e8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e }{\rtlch\fcs1 \af0\afs22 \ltrch\fcs0 \b\fs22\insrsid8323676 \'f1\'e5\'e4\'fc\'ec\'ee\'ec\'f3}{\rtlch\fcs1 \af0\afs22 \ltrch\fcs0 \b\fs22\insrsid8323676\charrsid538368  \'e2\'ee\'ef\'f0\'ee\'f1\'f3 \'ef\'ee\'e2\'e5\'f1\'f2\'ea\'e8 \'e4\'e</w:t>
      </w:r>
      <w:r w:rsidRPr="00651F56">
        <w:rPr>
          <w:rFonts w:ascii="Courier New" w:hAnsi="Courier New" w:cs="Courier New"/>
        </w:rPr>
        <w:t>d\'ff: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b\fs22\cf6\insrsid8323676\charrsid538368  }{\rtlch\fcs1 \af0\afs22 \ltrch\fcs0 \fs22\insrsid6183202\charrsid6183202 {\*\bkmkstart _Hlk72512418}\'ce\'c4\'ce\'c1\'d0\'c8\'d2\'dc \'f1\'e4\'e5\'eb\'ea\'f3, \'f1\'ee</w:t>
      </w:r>
      <w:r w:rsidRPr="00651F56">
        <w:rPr>
          <w:rFonts w:ascii="Courier New" w:hAnsi="Courier New" w:cs="Courier New"/>
        </w:rPr>
        <w:t>\'e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f8\'e0\'e5\'ec\'f3\'fe \'f1 }{\rtlch\fcs1 \af0\afs22 \ltrch\fcs0 \fs22\cf17\chshdng0\chcfpat0\chcbpat8\insrsid6183202\charrsid6183202 \'e7\'e0\'e8\'ed\'f2\'e5\'f0\'e5\'f1\'ee\'e2\'e0\'ed\'ed\'ee\'f1\'f2\'fc\'fe \'ca\'ee\'ed\'e4\'f0\'e0\'f2\</w:t>
      </w:r>
      <w:r w:rsidRPr="00651F56">
        <w:rPr>
          <w:rFonts w:ascii="Courier New" w:hAnsi="Courier New" w:cs="Courier New"/>
        </w:rPr>
        <w:t>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 \'d0\'f3\'f1\'eb\'e0\'ed\'e0 \'c2\'e8\'ea\'f2\'ee\'f0\'ee\'e2\'e8\'f7\'e0, \'ff\'e2\'eb\'ff\'fe\'f9\'e5\'e3\'ee\'f1\'ff \'ea\'ee\'ed\'f2\'f0\'ee\'eb\'e8\'f0\'f3\'fe\'f9\'e8\'ec \'eb\'e8\'f6\'ee\'ec \'cf\'ee\'f0\'f3\'f7\'e8\'f2\'e5\'eb\'ff (\'</w:t>
      </w:r>
      <w:r w:rsidRPr="00651F56">
        <w:rPr>
          <w:rFonts w:ascii="Courier New" w:hAnsi="Courier New" w:cs="Courier New"/>
        </w:rPr>
        <w:t>ca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d\'e4\'f0\'e0\'f2\'ee\'e2 \'d0. \'c2. \'ff\'e2\'eb\'ff\'e5\'f2\'f1\'ff \'e0\'ea\'f6\'e8\'ee\'ed\'e5\'f0\'ee\'ec, \'ea\'ee\'f2\'ee\'f0\'ee\'ec\'f3 \'ef\'f0\'e8\'ed\'e0\'e4\'eb\'e5\'e6\'e8\'f2 28,0% \'e0\'ea\'f6\'e8\'e9, \'e0 \'f2\'e0\'ea\'e6\'e5 </w:t>
      </w:r>
      <w:r w:rsidRPr="00651F56">
        <w:rPr>
          <w:rFonts w:ascii="Courier New" w:hAnsi="Courier New" w:cs="Courier New"/>
        </w:rPr>
        <w:t>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d\'f2\'f0\'ee\'eb\'e8\'f0\'f3\'fe\'f9\'e8\'ec \'eb\'e8\'f6\'ee\'ec \'e0\'ea\'f6\'e8\'ee\'ed\'e5\'f0\'e0 \'ce\'ce\'ce \'c0\'ea\'e2\'e0-\'d0\'e5\'f1\'f3\'f0\'f1\'fb, \'ea\'ee\'f2\'ee\'f0\'ee\'ec\'f3 \'ef\'f0\'e8\'ed\'e0\'e4\'eb\'e5\'e6\'e8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28,78% \'e0\'ea\'f6\'e8\'e9 \'c0\'ce \'ab\'d2\'e5\'f0\'ec\'e8\'ed\'e0\'eb \'c0\'f1\'f2\'e0\'f4\'fc\'e5\'e2\'e0\'bb, \'c5\'c8\'ce, \'f7\'eb\'e5\'ed\'ee\'ec \'d1\'ee\'e2\'e5\'f2\'e0 \'c4\'e8\'f0\'e5\'ea\'f2\'ee\'f0\'ee\'e2 \'cf\'ee\'f0\'f3\'f7\'e8\'f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b\'ff, \'e0 \'f2\'e0\'ea\'e6\'e5 \'ea\'ee\'ed\'f2\'f0\'ee\'eb\'e8\'f0\'f3\'fe\'f9\'e8\'ec \'eb\'e8\'f6\'ee\'ec \'c7\'e0\'e5\'ec\'f9\'e8\'ea\'e0,\~\'e2\'eb\'e0\'e4\'e5\'fe\'f9\'e5\'e3\'ee \'e4\'ee\'eb\'e5\'e9 \'e2 \'f0\'e0\'e7\'ec\'e5\'f0\'e5 100% \'e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'f1\'f2\'e0\'e2\'ed\'ee\'ec \'ea\'e0\'ef\'e8\'f2\'e0\'eb\'e5 \'ce\'ce\'ce \'ab\'c0\'ed\'ea\'ee\'f0\'bb (\'c8\'cd\'cd 2537133841), \'ea\'ee\'f2\'ee\'f0\'ee\'e5 \'ff\'e2\'eb\'ff\'e5\'f2\'f1\'ff \'f3\'f7\'e0\'f1\'f2\'ed\'e8\'ea\'ee\'ec \'c7\'e0\'e5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9\'e8\'ea\'e0 \'f1 \'e4\'ee\'eb\'e5\'e9 \'e2 \'f0\'e0\'e7\'ec\'e5\'f0\'e5 99%,\~\'e2 \'f1\'e2\'ff\'e7\'e8 \'f1 \'f7\'e5\'ec, \'e8\'ec\'e5\'e5\'f2\~\'ef\'f0\'e0\'e2\'ee \'ed\'e0\'e7\'ed\'e0\'f7\'e0\'f2\'fc (\'e8\'e7\'e1\'e8\'f0\'e0\'f2\'fc) \'e5\'e4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b\'e8\'f7\'ed\'fb\'e9 \'e8\'f1\'ef\'ee\'eb\'ed\'e8\'f2\'e5\'eb\'fc\'ed\'fb\'e9 \'ee\'f0\'e3\'e0\'ed, \'e0 \'e8\'ec\'e5\'ed\'ed\'ee}{\rtlch\fcs1 \af0\afs22 \ltrch\fcs0 \fs22\insrsid6183202\charrsid6183202  \'e7\'e0\'ea\'eb\'fe\'f7\'e5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4\'ee\'ef\'ee\'eb\'ed\'e8\'f2\'e5\'eb\'fc\'ed\'ee\'e3\'ee \'f1\'ee\'e3\'eb\'e0\'f8\'e5\'ed\'e8\'ff \'b97 \'ee\'f2 11.12.2020 \'e3\'ee\'e4\'e0 \'ea \'e4\'ee\'e3\'ee\'e2\'ee\'f0\'f3 \'ef\'ee\'f0\'f3\'f7\'e8\'f2\'e5\'eb\'fc\'f1\'f2\'e2\'e0 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</w:t>
      </w:r>
      <w:r w:rsidRPr="00651F56">
        <w:rPr>
          <w:rFonts w:ascii="Courier New" w:hAnsi="Courier New" w:cs="Courier New"/>
        </w:rPr>
        <w:t>fcs1 \af0\afs22 \ltrch\fcs0 \fs22\lang1024\langfe1024\noproof\insrsid6183202\charrsid6183202 \'b9 \'c4\'cf4-\'d6\'d3-702750/2016/00046 \'ee\'f2 14.09.2016, }{\rtlch\fcs1 \af0\afs22 \ltrch\fcs0 \fs22\insrsid6183202\charrsid6183202 \'e7\'e0\'ea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e\'f7</w:t>
      </w:r>
      <w:r w:rsidRPr="00651F56">
        <w:rPr>
          <w:rFonts w:ascii="Courier New" w:hAnsi="Courier New" w:cs="Courier New"/>
        </w:rPr>
        <w:t>\'e5\'ed\'ed\'ee\'e3\'ee \'ec\'e5\'e6\'e4\'f3 \'c1\'e0\'ed\'ea\'ee\'ec \'c2\'d2\'c1 (\'cf\'c0\'ce) \'e8 \'c0\'ce \'ab\'d2\'e5\'f0\'ec\'e8\'ed\'e0\'eb \'c0\'f1\'f2\'e0\'f4\'fc\'e5\'e2\'e0\'bb (\'c8\'cd\'cd 2508001618), \'ff\'e2\'eb\'ff\'fe\'f9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</w:t>
      </w:r>
      <w:r w:rsidRPr="00651F56">
        <w:rPr>
          <w:rFonts w:ascii="Courier New" w:hAnsi="Courier New" w:cs="Courier New"/>
        </w:rPr>
        <w:t xml:space="preserve">\'f1\'ff \'ea\'f0\'f3\'ef\'ed\'ee\'e9 \'f1\'e4\'e5\'eb\'ea\'ee\'e9, \'e2 \'f1\'e2\'ff\'e7\'e8 \'f1 \'e7\'e0\'ea\'eb\'fe\'f7\'e5\'ed\'e8\'e5\'ec \'e4\'ee\'ef\'ee\'eb\'ed\'e8\'f2\'e5\'eb\'fc\'ed\'ee\'e3\'ee \'f1\'ee\'e3\'eb\'e0\'f8\'e5\'ed\'e8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b910 \</w:t>
      </w:r>
      <w:r w:rsidRPr="00651F56">
        <w:rPr>
          <w:rFonts w:ascii="Courier New" w:hAnsi="Courier New" w:cs="Courier New"/>
        </w:rPr>
        <w:t>'ee\'f2 11.12.2020 \'e3\'ee\'e4\'e0 \'ea \'ea\'f0\'e5\'e4\'e8\'f2\'ed\'ee\'ec\'f3 \'f1\'ee\'e3\'eb\'e0\'f8\'e5\'ed\'e8\'fe \'b9\'ca\'d1-\'d6\'d3-702750/2016/00046 \'ee\'f2 14.09.2016, \'e7\'e0\'ea\'eb\'fe\'f7\'e5\'ed\'ed\'ee\'ec\'f3 \'ec\'e5\'e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4\'f3 </w:t>
      </w:r>
      <w:r w:rsidRPr="00651F56">
        <w:rPr>
          <w:rFonts w:ascii="Courier New" w:hAnsi="Courier New" w:cs="Courier New"/>
        </w:rPr>
        <w:t xml:space="preserve">\'ce\'ce\'ce \'ab\'c4\'e0\'eb\'fc\'d0\'fb\'e1\'cf\'ee\'f0\'f2\'bb (\'c8\'cd\'cd 2537047582) \'e8 \'c1\'e0\'ed\'ea\'ee\'ec \'c2\'d2\'c1 (\'cf\'c0\'ce) 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fs22\lang1024\langfe1024\noproof\insrsid6183202\charrsid6183202 \'</w:t>
      </w:r>
      <w:r w:rsidRPr="00651F56">
        <w:rPr>
          <w:rFonts w:ascii="Courier New" w:hAnsi="Courier New" w:cs="Courier New"/>
        </w:rPr>
        <w:t>ee\'e1 \'e8\'e7\'ec\'e5\'ed\'e5\'ed\'e8\'e8 \'ef\'f0\'ee\'f6\'e5\'ed\'f2\'ed\'ee\'e9 \'f1\'f2\'e0\'e2\'ea\'e8 \'e2 \'f2\'e5\'f7\'e5\'ed\'e8\'e5 \'f3\'f7\'e0\'f1\'f2\'e8\'ff \'e2 \'cf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e\'e3\'f0\'e0\'ec\'ec\'e5 \'e4\'ee \'f3\'f0\'ee\'e2\'ed\'ff 7,9% </w:t>
      </w:r>
      <w:r w:rsidRPr="00651F56">
        <w:rPr>
          <w:rFonts w:ascii="Courier New" w:hAnsi="Courier New" w:cs="Courier New"/>
        </w:rPr>
        <w:t>\'e3\'ee\'e4\'ee\'e2\'fb\'f5}{\rtlch\fcs1 \af0\afs22 \ltrch\fcs0 \fs22\insrsid6183202\charrsid6183202 .{\*\bkmkend _Hlk72512418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1991179 {\rtl</w:t>
      </w:r>
      <w:r w:rsidRPr="00651F56">
        <w:rPr>
          <w:rFonts w:ascii="Courier New" w:hAnsi="Courier New" w:cs="Courier New"/>
        </w:rPr>
        <w:t xml:space="preserve">ch\fcs1 \af0\afs22 \ltrch\fcs0 \fs22\insrsid832367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b\af0\afs22 \ltrch\fcs0 \b\fs22\insrsid1991179\charrsid538368 \'c2\'ee\'ef\'f0\'ee\'f1 \'b9 }{\rtlch\fcs1 \ab\af0\afs22 \ltrch\fcs0 \b\fs22\insrsid1991179 8}{\rtlch\fcs1 \ab\af0\afs</w:t>
      </w:r>
      <w:r w:rsidRPr="00651F56">
        <w:rPr>
          <w:rFonts w:ascii="Courier New" w:hAnsi="Courier New" w:cs="Courier New"/>
        </w:rPr>
        <w:t>22 \ltrch\fcs0 \b\fs22\insrsid1991179\charrsid538368 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5\'f1\'f2\'ea\'e8 \'e4\'ed\'ff \'ee\'e1\'f9\'e5\'e3\'ee \'f1\'ee\'e1\'f0\'e0\'ed\'e8\'ff:}{\rtlch\fcs1 \af0\afs22 \ltrch\fcs0 \fs22\insrsid1991179\charrsid1991179  }{\rtlch\fcs1 \af0\af</w:t>
      </w:r>
      <w:r w:rsidRPr="00651F56">
        <w:rPr>
          <w:rFonts w:ascii="Courier New" w:hAnsi="Courier New" w:cs="Courier New"/>
        </w:rPr>
        <w:t>s22 \ltrch\fcs0 \fs22\insrsid1991179\charrsid14645039 \'c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1 \'ee\'e4\'ee\'e1\'f0\'e5\'ed\'e8\'e8 \'f1\'e4\'e5\'eb\'ea\'e8, \'f1\'ee\'e2\'e5\'f0\'f8\'e0\'e5\'ec\'ee\'e9 \'f1 \'e7\'e0\'e8\'ed\'f2\'e5\'f0\'e5\'f1\'ee\'e2\'e0\'ed\'ed\'ee\'f1\'f2\'fc\'fe}{</w:t>
      </w:r>
      <w:r w:rsidRPr="00651F56">
        <w:rPr>
          <w:rFonts w:ascii="Courier New" w:hAnsi="Courier New" w:cs="Courier New"/>
        </w:rPr>
        <w:t xml:space="preserve">\rtlch\fcs1 \af0\afs22 \ltrch\fcs0 \fs22\insrsid1991179  -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7\'e0\'ea\'eb\'fe\'f7\'e5\'ed\'e8\'e5 \'d1\'ee\'e3\'eb\'e0\'f8\'e5\'ed\'e8\'ff }{\rtlch\fcs1 \af0\afs22 \ltrch\fcs0 \fs22\insrsid1991179\charrsid14645039 \'ee \'ef\'e5\'f0\'e5\'e4\'e0\'f7\'e5 </w:t>
      </w:r>
      <w:r w:rsidRPr="00651F56">
        <w:rPr>
          <w:rFonts w:ascii="Courier New" w:hAnsi="Courier New" w:cs="Courier New"/>
        </w:rPr>
        <w:t>\'ef\'f0\'e0\'e2 \'e8 \'ee\'e1\'ff\'e7\'e0\'ed\'ed\'ee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5\'e9 \'ef\'ee \'ea\'ee\'ed\'f2\'f0\'e0\'ea\'f2\'f3 \'b9 141900/20 \'ee\'f2 17.07.2020 \'e3\'ee\'e4\'e0 \'ec\'e5\'e6\'e4\'f3 \'c0\'ce \'ab\'c4\'c0\'cb\'dc\'ca\'ce\'cc\'d5\'ce\'cb\'ce\'c4\'b</w:t>
      </w:r>
      <w:r w:rsidRPr="00651F56">
        <w:rPr>
          <w:rFonts w:ascii="Courier New" w:hAnsi="Courier New" w:cs="Courier New"/>
        </w:rPr>
        <w:t>b (\'c8\'cd\'cd 2537003955), \'ce\'ce\'ce \'ab\'cb\'e8\'e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5\'e5\'f0\'f0-\'d0\'f3\'f1\'eb\'e0\'ed\'e4\'bb (\'c8\'cd\'cd 7704217309) \'e8 \'c0\'ce \'ab\'d2\'e5\'f0\'ec\'e8\'ed\'e0\'eb \'c0\'f1\'f2\'e0\'f4\'fc\'e5\'e2\'e0\'bb (\'c8\'cd\'cd 2508001618) }{</w:t>
      </w:r>
      <w:r w:rsidRPr="00651F56">
        <w:rPr>
          <w:rFonts w:ascii="Courier New" w:hAnsi="Courier New" w:cs="Courier New"/>
        </w:rPr>
        <w:t>\rtlch\fcs1 \af0\afs22 \ltrch\fcs0 \fs22\insrsid1991179 -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fs22\insrsid1991179\charrsid14645039  \'e2 \'f1\'ee\'ee\'f2\'e2\'e5\'f2\'f1\'f2\'e2\'e8\'e8 \'f1 \'ea\'ee\'f2\'ee\'f0\'fb\'ec \'c0\'ce \'ab\'d2\'e5\'f0\'ec\'e8</w:t>
      </w:r>
      <w:r w:rsidRPr="00651F56">
        <w:rPr>
          <w:rFonts w:ascii="Courier New" w:hAnsi="Courier New" w:cs="Courier New"/>
        </w:rPr>
        <w:t>\'ed\'e0\'eb \'c0\'f1\'f2\'e0\'f4\'fc\'e5\'e2\'e0\'bb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8\'ed\'e8\'ec\'e0\'e5\'f2 \'ed\'e0 \'f1\'e5\'e1\'ff \'e2\'f1\'e5 \'ef\'f0\'e0\'e2\'e0 \'e8 \'ee\'e1\'ff\'e7\'e0\'ed\'ed\'ee\'f1\'f2\'e8 \'c0\'ce \'ab\'c4\'c0\'cb\'dc\'ca\'ce\'cc\'d5\'ce\'cb</w:t>
      </w:r>
      <w:r w:rsidRPr="00651F56">
        <w:rPr>
          <w:rFonts w:ascii="Courier New" w:hAnsi="Courier New" w:cs="Courier New"/>
        </w:rPr>
        <w:t xml:space="preserve">\'ce\'c4\'bb \'e8 \'f1\'f2\'e0\'ed\'ee\'e2\'e8\'f2\'f1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2\'ee\'f0\'ee\'ed\'ee\'e9 \'ef\'ee \'ca\'ee\'ed\'f2\'f0\'e0\'ea\'f2\'f3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8\qj \li0\ri0\widctlpar\wrapdefault\aspalpha\aspnum\faauto\adjustright\rin0\lin0\itap0</w:t>
      </w:r>
      <w:r w:rsidRPr="00651F56">
        <w:rPr>
          <w:rFonts w:ascii="Courier New" w:hAnsi="Courier New" w:cs="Courier New"/>
        </w:rPr>
        <w:t xml:space="preserve">\pararsid3619701 \rtlch\fcs1 \af0\afs20\alang1025 \ltrch\fcs0 \fs24\lang1049\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b\fs22\insrsid1991179\charrsid538368  }{\rtlch\fcs1 \ab\af0\afs22 \ltrch\fcs0 \b\fs22\insrsid199</w:t>
      </w:r>
      <w:r w:rsidRPr="00651F56">
        <w:rPr>
          <w:rFonts w:ascii="Courier New" w:hAnsi="Courier New" w:cs="Courier New"/>
        </w:rPr>
        <w:t xml:space="preserve">117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wrapdefault\aspalpha\aspnum\faauto\adjustright\rin0\lin0\itap0\pararsid8323676 \rtlch\fcs1 \af0\afs20\alang1025 \ltrch\fcs0 \fs20\lang1049\langfe1049\cgrid\langnp1049\langfenp1049 {\rtlch\fcs1 \ab\af0\</w:t>
      </w:r>
      <w:r w:rsidRPr="00651F56">
        <w:rPr>
          <w:rFonts w:ascii="Courier New" w:hAnsi="Courier New" w:cs="Courier New"/>
        </w:rPr>
        <w:t xml:space="preserve">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b\fs22\insrsid472349\charrsid538368 \'d0\'e5\'e7\'f3\'eb\'fc\'f2\'e0\'f2\'fb \'e3\'ee\'eb\'ee\'f1\'ee\'e2\'e0\'ed\'e8\'ff}{\rtlch\fcs1 \af0\afs22 \ltrch\fcs0 \b\fs22\insrsid472349\charrsid538368  }{\rtlch\fcs1 \af0\afs22 \ltrch\fcs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b\fs22\insrsid8323676\charrsid538368 \'ef\'ee }{\rtlch\fcs1 \af0\afs22 \ltrch\fcs0 \b\fs22\insrsid8323676 \'e2\'ee\'f1\'fc\'ec\'ee\'ec\'f3}{\rtlch\fcs1 \af0\afs22 \ltrch\fcs0 \b\fs22\insrsid8323676\charrsid538368  \'e2\'ee\'ef\'f0\'ee\'f1\'f3 \'ef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</w:t>
      </w:r>
      <w:r w:rsidRPr="00651F56">
        <w:rPr>
          <w:rFonts w:ascii="Courier New" w:hAnsi="Courier New" w:cs="Courier New"/>
        </w:rPr>
        <w:t xml:space="preserve">e2\'e5\'f1\'f2\'ea\'e8 \'e4\'ed\'ff:}{\rtlch\fcs1 \af0\afs22 \ltrch\fcs0 \b\fs22\cf6\insrsid8323676\charrsid538368  }{\rtlch\fcs1 \af0\afs22 \ltrch\fcs0 \b\fs22\cf6\insrsid8323676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sb120\widctlpar\tx4536\wrapdefault\aspalph</w:t>
      </w:r>
      <w:r w:rsidRPr="00651F56">
        <w:rPr>
          <w:rFonts w:ascii="Courier New" w:hAnsi="Courier New" w:cs="Courier New"/>
        </w:rPr>
        <w:t xml:space="preserve">a\aspnum\faauto\adjustright\rin0\lin0\itap0\pararsid6626089 {\rtlch\fcs1 \af0\afs22 \ltrch\fcs0 \fs22\insrsid6626089\charrsid2451716 \'d7\'e8\'f1\'eb\'ee \'e3\'ee\'eb\'ee\'f1\'ee\'e2,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e\'f2\'ee\'f0\'fb\'ec\'e8 \'ee\'e1\'eb\'e0\'e4\'e0\'eb\'e8 \'eb</w:t>
      </w:r>
      <w:r w:rsidRPr="00651F56">
        <w:rPr>
          <w:rFonts w:ascii="Courier New" w:hAnsi="Courier New" w:cs="Courier New"/>
        </w:rPr>
        <w:t>\'e8\'f6\'e0, \'e2\'ea\'eb\'fe\'f7\'e5\'ed\'ed\'fb\'e5 \'e2 \'f1\'ef\'e8\'f1\'ee\'ea \'eb\'e8\'f6, \'e8\'ec\'e5\'e2\'f8\'e8\'f5 \'ef\'f0\'e0\'e2\'ee \'ed\'e0 \'f3\'f7\'e0\'f1\'f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 \'e2  \'ee\'e1\'f9\'e5\'ec \'f1\'ee\'e1\'f0\'e0\'ed\'e8\'e8 \'e0\'e</w:t>
      </w:r>
      <w:r w:rsidRPr="00651F56">
        <w:rPr>
          <w:rFonts w:ascii="Courier New" w:hAnsi="Courier New" w:cs="Courier New"/>
        </w:rPr>
        <w:t>a\'f6\'e8\'ee\'ed\'e5\'f0\'ee\'e2, \'ef\'ee \'e4\'e0\'ed\'ed\'ee\'ec\'f3 \'e2\'ee\'ef\'f0\'ee\'f1\'f3 \'ef\'ee\'e2\'e5\'f1\'f2\'ea\'e8 \'e4\'ed\'ff \'ee\'e1\'f9\'e5\'e3\'ee \'f1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1\'f0\'e0\'ed\'e8\'ff, -  830 380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eb\'ee \'e3\'e</w:t>
      </w:r>
      <w:r w:rsidRPr="00651F56">
        <w:rPr>
          <w:rFonts w:ascii="Courier New" w:hAnsi="Courier New" w:cs="Courier New"/>
        </w:rPr>
        <w:t>e\'eb\'ee\'f1\'ee\'e2, \'ef\'f0\'e8\'f5\'ee\'e4\'e8\'e2\'f8\'e8\'f5\'f1\'ff \'ed\'e0 \'e3\'ee\'eb\'ee\'f1\'f3\'fe\'f9\'e8\'e5 \'e0\'ea\'f6\'e8\'e8 \'ee\'e1\'f9\'e5\'f1\'f2\'e2\'e0, \'ef\'ee \'e4\'e0\'ed\'ed\'ee\'ec\'f3 \'e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f0\'ee\'f1\'f3 \'ef\'</w:t>
      </w:r>
      <w:r w:rsidRPr="00651F56">
        <w:rPr>
          <w:rFonts w:ascii="Courier New" w:hAnsi="Courier New" w:cs="Courier New"/>
        </w:rPr>
        <w:t>ee\'e2\'e5\'f1\'f2\'ea\'e8 \'e4\'ed\'ff \'ee\'e1\'f9\'e5\'e3\'ee \'f1\'ee\'e1\'f0\'e0\'ed\'e8\'ff, \'ee\'ef\'f0\'e5\'e4\'e5\'eb\'e5\'ed\'ed\'ee\'e5 \'f1 \'f3\'f7\'e5\'f2\'ee\'ec \'f2\'f0\'e5\'e1\'ee\'e2\'e0\'ed\'e8\'e9 \'e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. 4.24. \'cf\'ee\'eb\'ee\'e6\'e</w:t>
      </w:r>
      <w:r w:rsidRPr="00651F56">
        <w:rPr>
          <w:rFonts w:ascii="Courier New" w:hAnsi="Courier New" w:cs="Courier New"/>
        </w:rPr>
        <w:t xml:space="preserve">5\'ed\'e8\'e5 \'c1\'e0\'ed\'ea\'e0 \'d0\'ee\'f1\'f1\'e8\'e8 \'b9 660-\'cf \'ee\'f2 16.11.2018\'e3. \'ab\'ce\'e1 \'ee\'e1\'f9\'e8\'f5 \'f1\'ee\'e1\'f0\'e0\'ed\'e8\'ff\'f5 \'e0\'ea\'f6\'e8\'ee\'ed\'e5\'f0\'ee\'e2\'bb, \endash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472 104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d7\'e8\'f1\'</w:t>
      </w:r>
      <w:r w:rsidRPr="00651F56">
        <w:rPr>
          <w:rFonts w:ascii="Courier New" w:hAnsi="Courier New" w:cs="Courier New"/>
        </w:rPr>
        <w:t>eb\'ee \'e3\'ee\'eb\'ee\'f1\'ee\'e2, \'ea\'ee\'f2\'ee\'f0\'fb\'ec\'e8 \'ee\'e1\'eb\'e0\'e4\'e0\'eb\'e8 \'eb\'e8\'f6\'e0, \'ef\'f0\'e8\'ed\'ff\'e2\'f8\'e8\'e5 \'f3\'f7\'e0\'f1\'f2\'e8\'e5  \'e2 \'ee\'e1\'f9\'e5\'ec  \'f1\'ee\'e1\'f0\'e0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8, \'ef\</w:t>
      </w:r>
      <w:r w:rsidRPr="00651F56">
        <w:rPr>
          <w:rFonts w:ascii="Courier New" w:hAnsi="Courier New" w:cs="Courier New"/>
        </w:rPr>
        <w:t xml:space="preserve">'ee \'e4\'e0\'ed\'ed\'ee\'ec\'f3 \'e2\'ee\'ef\'f0\'ee\'f1\'f3 \'ef\'ee\'e2\'e5\'f1\'f2\'ea\'e8 \'e4\'ed\'ff \'f1\'ee\'e1\'f0\'e0\'ed\'e8\'ff,  - 434}{\rtlch\fcs1 \af0\afs22 \ltrch\fcs0 \fs22\insrsid6626089 \~}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</w:t>
      </w:r>
      <w:r w:rsidRPr="00651F56">
        <w:rPr>
          <w:rFonts w:ascii="Courier New" w:hAnsi="Courier New" w:cs="Courier New"/>
        </w:rPr>
        <w:t xml:space="preserve">rsid6626089\charrsid2451716 8}{\rtlch\fcs1 \af0\afs22 \ltrch\fcs0 \fs22\insrsid6626089 57}{\rtlch\fcs1 \af0\afs22 \ltrch\fcs0 \fs22\insrsid6626089\charrsid2451716 .}{\rtlch\fcs1 \af0\afs22 \ltrch\fcs0 \fs22\insrsid662608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</w:t>
      </w:r>
      <w:r w:rsidRPr="00651F56">
        <w:rPr>
          <w:rFonts w:ascii="Courier New" w:hAnsi="Courier New" w:cs="Courier New"/>
        </w:rPr>
        <w:t>trch\fcs0 \fs22\insrsid6626089\charrsid4811378 \'d7\'e8\'f1\'eb\'ee \'e3\'ee\'eb\'ee\'f1\'ee\'e2, \'ea\'ee\'f2\'ee\'f0\'fb\'ec\'e8 \'ee\'e1\'eb\'e0\'e4\'e0\'eb\'e8 \'eb\'e8\'f6\'e0, \'ed\'e5 \'e7\'e0\'e8\'ed\'f2\'e5\'f0\'e5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0\'ed\'ed\'fb\'e</w:t>
      </w:r>
      <w:r w:rsidRPr="00651F56">
        <w:rPr>
          <w:rFonts w:ascii="Courier New" w:hAnsi="Courier New" w:cs="Courier New"/>
        </w:rPr>
        <w:t>5 \'e2 \'f1\'ee\'e2\'e5\'f0\'f8\'e5\'ed\'e8\'e8 \'ee\'e1\'f9\'e5\'f1\'f2\'e2\'ee\'ec \'f1\'e4\'e5\'eb\'ea\'e8,  \'ef\'f0\'e8\'ed\'ff\'e2\'f8\'e8\'e5 \'f3\'f7\'e0\'f1\'f2\'e8\'e5  \'e2 \'ee\'e1\'f9\'e5\'ec  \'f1\'ee\'e1\'f0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8\'e8 \'e0\'ea\'f6\'e</w:t>
      </w:r>
      <w:r w:rsidRPr="00651F56">
        <w:rPr>
          <w:rFonts w:ascii="Courier New" w:hAnsi="Courier New" w:cs="Courier New"/>
        </w:rPr>
        <w:t xml:space="preserve">8\'ee\'ed\'e5\'f0\'ee\'e2 \'ef\'ee \'e2\'ee\'ef\'f0\'ee\'f1\'f3 \'ef\'ee\'e2\'e5\'f1\'f2\'ea\'e8 \'e4\'ed\'ff \'f1\'ee\'e1\'f0\'e0\'ed\'e8\'ff,  -}{\rtlch\fcs1 \af0\afs22 \ltrch\fcs0 \fs22\insrsid6626089  340 140}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</w:t>
      </w:r>
      <w:r w:rsidRPr="00651F56">
        <w:rPr>
          <w:rFonts w:ascii="Courier New" w:hAnsi="Courier New" w:cs="Courier New"/>
        </w:rPr>
        <w:t>\insrsid6626089\charrsid4811378 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tx4536\wrapdefault\aspalpha\aspnum\faauto\adjustright\rin0\lin0\itap0\pararsid6626089 {\rtlch\fcs1 \af0\afs22 \ltrch\fcs0 \fs22\insrsid6626089\charrsid2451716 \'ca\'e2\'ee\'f0\'f3</w:t>
      </w:r>
      <w:r w:rsidRPr="00651F56">
        <w:rPr>
          <w:rFonts w:ascii="Courier New" w:hAnsi="Courier New" w:cs="Courier New"/>
        </w:rPr>
        <w:t>\'ec \'ef\'ee \'e4\'e0\'ed\'ed\'ee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 \'e2\'ee\'ef\'f0\'ee\'f1\'f3 \'ef\'ee\'e2\'e5\'f1\'f2\'ea\'e8 \'e4\'ed\'ff \'e8\'ec\'e5\'e5\'f2\'f1\'ff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4\qj \li0\ri0\widctlpar\tx4536\wrapdefault\aspalpha\aspnum\faauto\adjustright</w:t>
      </w:r>
      <w:r w:rsidRPr="00651F56">
        <w:rPr>
          <w:rFonts w:ascii="Courier New" w:hAnsi="Courier New" w:cs="Courier New"/>
        </w:rPr>
        <w:t xml:space="preserve">\rin0\lin0\itap0\pararsid6626089 \rtlch\fcs1 \af0\afs20\alang1025 \ltrch\fcs0 \fs24\lang1049\langfe1049\cgrid\langnp1049\langfenp1049 {\rtlch\fcs1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af0\afs22 \ltrch\fcs0 \fs22\insrsid6626089\charrsid2451716 \'d7\'e8\'f1\'eb\'ee \'e3\'ee\'eb\'ee\'f1\'ee\'</w:t>
      </w:r>
      <w:r w:rsidRPr="00651F56">
        <w:rPr>
          <w:rFonts w:ascii="Courier New" w:hAnsi="Courier New" w:cs="Courier New"/>
        </w:rPr>
        <w:t>e2, \'ee\'f2\'e4\'e0\'ed\'ed\'fb\'f5 \'e7\'e0 \'ea\'e0\'e6\'e4\'fb\'e9 \'e8\'e7 \'e2\'e0\'f0\'e8\'e0\'ed\'f2\'ee\'e2 \'e3\'ee\'eb\'ee\'f1\'ee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d\'e8\'ff \'ef\'ee \'e4\'e0\'ed\'ed\'ee\'ec\'f3 \'e2\'ee\'ef\'f0\'ee\'f1\'f3 \'ef\'ee\'e2\'e5\'f1\'f2\</w:t>
      </w:r>
      <w:r w:rsidRPr="00651F56">
        <w:rPr>
          <w:rFonts w:ascii="Courier New" w:hAnsi="Courier New" w:cs="Courier New"/>
        </w:rPr>
        <w:t>'ea\'e8 \'e4\'ed\'ff \'f1\'ee\'e1\'f0\'e0\'ed\'e8\'ff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fi709\li0\ri0\widctlpar\wrapdefault\aspalpha\aspnum\faauto\adjustright\rin0\lin0\itap0\pararsid6626089 \rtlch\fcs1 \af0\afs20\alang1025 \ltrch\fcs0 \fs20\lang1049\langfe1</w:t>
      </w:r>
      <w:r w:rsidRPr="00651F56">
        <w:rPr>
          <w:rFonts w:ascii="Courier New" w:hAnsi="Courier New" w:cs="Courier New"/>
        </w:rPr>
        <w:t xml:space="preserve">049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trch\fcs0 \fs22\insrsid6626089\charrsid6626089 \'ab\'e7\'e0\'bb -  340 140;     \'ab\'ef\'f0\'ee\'f2\'e8\'e2\'bb -  0;     \'ab\'e2\'ee\'e7\'e4\'e5\'f0\'e6\'e0\'eb\'f1\'ff\'bb - 0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\pard </w:t>
      </w:r>
      <w:r w:rsidRPr="00651F56">
        <w:rPr>
          <w:rFonts w:ascii="Courier New" w:hAnsi="Courier New" w:cs="Courier New"/>
        </w:rPr>
        <w:t xml:space="preserve">\ltrpar\qj \li0\ri0\widctlpar\wrapdefault\aspalpha\aspnum\faauto\adjustright\rin0\lin0\itap0\pararsid8323676 {\rtlch\fcs1 \af0\afs22 \ltrch\fcs0 \b\fs22\cf6\insrsid47234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</w:t>
      </w:r>
      <w:r w:rsidRPr="00651F56">
        <w:rPr>
          <w:rFonts w:ascii="Courier New" w:hAnsi="Courier New" w:cs="Courier New"/>
        </w:rPr>
        <w:t xml:space="preserve">right\rin0\lin0\itap0\pararsid13465555 {\rtlch\fcs1 \af0\afs22 \ltrch\fcs0 \b\fs22\insrsid8323676\charrsid538368 \'d0\'e5\'f8\'e5\'ed\'e8\'e5 \'f1\'ee\'e1\'f0\'e0\'ed\'e8\'ff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f\'ee }{\rtlch\fcs1 \af0\afs22 \ltrch\fcs0 \b\fs22\insrsid8323676 \'e2\'ee\'</w:t>
      </w:r>
      <w:r w:rsidRPr="00651F56">
        <w:rPr>
          <w:rFonts w:ascii="Courier New" w:hAnsi="Courier New" w:cs="Courier New"/>
        </w:rPr>
        <w:t>f1\'fc\'ec\'ee\'ec\'f3}{\rtlch\fcs1 \af0\afs22 \ltrch\fcs0 \b\fs22\insrsid8323676\charrsid538368  \'e2\'ee\'ef\'f0\'ee\'f1\'f3 \'ef\'ee\'e2\'e5\'f1\'f2\'ea\'e8 \'e4\'ed\'ff: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cs1 \af0\afs22 \ltrch\fcs0 \b\fs22\cf6\insrsid8323676\charrsid538368  }</w:t>
      </w:r>
      <w:r w:rsidRPr="00651F56">
        <w:rPr>
          <w:rFonts w:ascii="Courier New" w:hAnsi="Courier New" w:cs="Courier New"/>
        </w:rPr>
        <w:t xml:space="preserve">{\rtlch\fcs1 \af0\afs22 \ltrch\fcs0 \fs22\dbch\af39\insrsid13465555\charrsid13465555 \loch\af0\dbch\af39\hich\f0 \'ce\'c4\'ce\'c1\'d0\'c8\'d2\'dc\hich\af0\dbch\af39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f1\'ee\'e3\'eb\'e0\'f1\'ed\'ee\loch\f0 \hich\f0  \'f1\'f2\loch\f0 \hi</w:t>
      </w:r>
      <w:r w:rsidRPr="00651F56">
        <w:rPr>
          <w:rFonts w:ascii="Courier New" w:hAnsi="Courier New" w:cs="Courier New"/>
        </w:rPr>
        <w:t>ch\f0 . 81 \'d4\'e5\'e4\'e5\'f0\'e0\'eb\'fc\'ed\'ee\'e3\'ee\loch\f0 \hich\f0  \'e7\'e0\'ea\'ee\'ed\'e0\loch\f0 \hich\f0  \'ee\'f2\loch\f0 \hich\f0  26.12.1995 N 208-\'d4\'c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"\'ce\'e1\loch\f0 \hich\f0  \'e0\'ea\'f6\'e8\'ee\'ed\'e5\'f0\'</w:t>
      </w:r>
      <w:r w:rsidRPr="00651F56">
        <w:rPr>
          <w:rFonts w:ascii="Courier New" w:hAnsi="Courier New" w:cs="Courier New"/>
        </w:rPr>
        <w:t>ed\'fb\'f5\loch\f0 \hich\f0  \'ee\'e1\'f9\'e5\'f1\'f2\'e2\'e0\'f5\loch\f0 \hich\f0 " \'e8\loch\f0 \hich\f0  \'e2\loch\f0 \hich\f0  \'f1\'ee\'ee\'f2\'e2\'e5\'f2\'f1\'f2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8\'e8\loch\f0 \hich\f0  \'f1\hich\af0\dbch\af39\loch\f0  \loch\af0\dbch\af39\hic</w:t>
      </w:r>
      <w:r w:rsidRPr="00651F56">
        <w:rPr>
          <w:rFonts w:ascii="Courier New" w:hAnsi="Courier New" w:cs="Courier New"/>
        </w:rPr>
        <w:t>h\f0 \'ef\'ef\loch\f0 \hich\f0 . 4 \'ef\loch\f0 . 6.7.2\hich\af0\dbch\af39\loch\f0 \hich\f0  \'d3\'f1\'f2\'e0\'e2\'e0\loch\f0 \hich\f0  \'c0\'ce\loch\f0 \hich\f0  "\'d2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c\'e8\'ed\'e0\'eb\loch\f0 \hich\f0  \'c0\'f1\'f2\'e0\'f4\'fc\'e5\'e2\'e0\lo</w:t>
      </w:r>
      <w:r w:rsidRPr="00651F56">
        <w:rPr>
          <w:rFonts w:ascii="Courier New" w:hAnsi="Courier New" w:cs="Courier New"/>
        </w:rPr>
        <w:t>ch\f0 \hich\f0 " \'f1\'e4\'e5\'eb\'ea\'f3\loch\f0 \hich\f0 , \'f1\'ee\'e2\'e5\'f0\'f8\'e5\'ed\'ed\'f3\'fe\loch\f0 \hich\f0  \'f1\loch\f0 \hich\f0  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af0\dbch\af39\hich\f0 \'e0\'e8\'ed\'f2\'e5\'f0\'e5\'f1\'ee\'e2\'e0\'ed\'ed\'ee\'f1\'f2\'fc\'fe\lo</w:t>
      </w:r>
      <w:r w:rsidRPr="00651F56">
        <w:rPr>
          <w:rFonts w:ascii="Courier New" w:hAnsi="Courier New" w:cs="Courier New"/>
        </w:rPr>
        <w:t xml:space="preserve">ch\f0 \hich\f0  - \'e7\'e0\'ea\'eb\'fe\'f7\'e5\'ed\'e8\'e5\loch\f0 \hich\f0  \'d1\'ee\'e3\'eb\'e0\'f8\'e5\'ed\'e8\'ff\loch\f0 \hich\f0  \'ee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f\'e5\'f0\'e5\'e4\'e0\'f7\'e5\loch\f0 \hich\f0  \'ef\'f0\'e0\'e2\loch\f0 \hich\f0  \'e8\loch</w:t>
      </w:r>
      <w:r w:rsidRPr="00651F56">
        <w:rPr>
          <w:rFonts w:ascii="Courier New" w:hAnsi="Courier New" w:cs="Courier New"/>
        </w:rPr>
        <w:t>\f0 \hich\f0  \'ee\'e1\'ff\'e7\'e0\'ed\'ed\'ee\'f1\'f2\'e5\'e9\loch\f0 \hich\f0  \'ef\'ee\loch\f0 \hich\f0  \'ea\'ee\'ed\'f2\'f0\'e0\'ea\'f2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b9\loch\f0 \hich\f0  141900/20 \'ee\'f2\loch\f0 \hich\f0  17.07.2020 \'e3\'ee\'e4\'e0\loc</w:t>
      </w:r>
      <w:r w:rsidRPr="00651F56">
        <w:rPr>
          <w:rFonts w:ascii="Courier New" w:hAnsi="Courier New" w:cs="Courier New"/>
        </w:rPr>
        <w:t>h\f0 \hich\f0  \'ec\'e5\'e6\'e4\'f3\loch\f0 \hich\f0  \'c0\'ce\loch\f0 \hich\f0  \'ab\'c4\'c0\'cb\'dc\'ca\'ce\'cc\'d5\'ce\'cb\'ce\'c4\'b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(\'c8\'cd\'cd\loch\f0 \hich\f0  2537003955), \'ce\'ce\'ce\loch\f0 \hich\f0  \'ab\'cb\'e8\'e1\'f5\'</w:t>
      </w:r>
      <w:r w:rsidRPr="00651F56">
        <w:rPr>
          <w:rFonts w:ascii="Courier New" w:hAnsi="Courier New" w:cs="Courier New"/>
        </w:rPr>
        <w:t xml:space="preserve">e5\'f0\'f0-\'d0\'f3\'f1\'eb\'e0\'ed\'e4\'bb\hich\af0\dbch\af39\loch\f0  \hich\af0\dbch\af39\loch\f0 \hich\f0 (\'c8\'cd\'cd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7704217309) \'e8\loch\f0 \hich\f0  \'c0\'ce\loch\f0 \hich\f0  \'ab\'d2\'e5\'f0\'ec\'e8\'ed\'e0\'eb\loch\f0 \hich\</w:t>
      </w:r>
      <w:r w:rsidRPr="00651F56">
        <w:rPr>
          <w:rFonts w:ascii="Courier New" w:hAnsi="Courier New" w:cs="Courier New"/>
        </w:rPr>
        <w:t xml:space="preserve">f0  \'c0\'f1\'f2\'e0\'f4\'fc\'e5\'e2\'e0\'bb\loch\f0 \hich\f0  (\'c8\'cd\'cd\loch\f0 \hich\f0  2508001618), \'e2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ee\'ee\'f2\'e2\'e5\'f2\'f1\'f2\'e2\'e8\loch\af0\dbch\af39\hich\f0 \'e8\loch\f0 \hich\f0  \'f1\loch\f0 \hich\f0  \'ea\</w:t>
      </w:r>
      <w:r w:rsidRPr="00651F56">
        <w:rPr>
          <w:rFonts w:ascii="Courier New" w:hAnsi="Courier New" w:cs="Courier New"/>
        </w:rPr>
        <w:t>'ee\'f2\'ee\'f0\'fb\'ec\loch\f0 \hich\f0  \'c0\'ce\loch\f0 \hich\f0  \'ab\'d2\'e5\'f0\'ec\'e8\'ed\'e0\'eb\loch\f0 \hich\f0  \'c0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0\'f4\'fc\'e5\'e2\'e0\'bb\loch\f0 \hich\f0  \'ef\'f0\'e8\'ed\'e8\'ec\'e0\'e5\'f2\loch\f0 \hich\f0  \'ed\'e0\loch\f0</w:t>
      </w:r>
      <w:r w:rsidRPr="00651F56">
        <w:rPr>
          <w:rFonts w:ascii="Courier New" w:hAnsi="Courier New" w:cs="Courier New"/>
        </w:rPr>
        <w:t xml:space="preserve"> \hich\f0  \'f1\'e5\'e1\'ff\loch\f0 \hich\f0  \'e2\'f1\'e5\loch\f0 \hich\f0  \'ef\'f0\'e0\'e2\'e0\loch\f0 \hich\f0  \'e8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e\'e1\'ff\'e7\'e0\'ed\'ed\'ee\'f1\'f2\'e8\loch\f0 \hich\f0  \'c0\'ce\loch\f0 \hich\f0  \'ab\'c4\'c0\'cb\'dc\'ca\</w:t>
      </w:r>
      <w:r w:rsidRPr="00651F56">
        <w:rPr>
          <w:rFonts w:ascii="Courier New" w:hAnsi="Courier New" w:cs="Courier New"/>
        </w:rPr>
        <w:t xml:space="preserve">'ce\'cc\'d5\'ce\'cb\'ce\'c4\'bb\loch\f0 \hich\f0  \'e8\loch\f0 \hich\f0  \'f1\'f2\'e0\'ed\'ee\'e2\'e8\'f2\'f1\'ff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f1\'f2\'ee\'f0\'ee\'ed\'ee\'e9\loch\f0 \hich\f0  \'ef\'ee\loch\f0 \hich\f0  \'ca\'ee\'ed\'f2\'f0\'e0\'ea\'f2\'f3\loch\f0</w:t>
      </w:r>
      <w:r w:rsidRPr="00651F56">
        <w:rPr>
          <w:rFonts w:ascii="Courier New" w:hAnsi="Courier New" w:cs="Courier New"/>
        </w:rPr>
        <w:t xml:space="preserve">  {\*\bkmkstart _Hlk72511190}\hich\f0 \'ed\'e0\loch\f0 \hich\f0  \'f1\'eb\'e5\'e4\'f3\'fe\'f9\'e8\'f5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f3\'f1\'eb\'ee\'e2\'e8\'ff\'f5\loch\f0 :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\hich\af0\dbch\af39\loch\f0 \hich\f0 - \'d1\'f2\'ee\'f0\'ee\'ed\'e0\'ec\'e8\loch\f0 </w:t>
      </w:r>
      <w:r w:rsidRPr="00651F56">
        <w:rPr>
          <w:rFonts w:ascii="Courier New" w:hAnsi="Courier New" w:cs="Courier New"/>
        </w:rPr>
        <w:t>\hich\f0  \'d1\'ee\'e3\'eb\'e0\'f8\'e5\'ed\'e8\'ff\loch\f0 \hich\f0  \'ff\'e2\'eb\'ff\'fe\'f2\'f1\'ff\loch\f0 \hich\f0 : \'c0\'ce\loch\f0 \hich\f0  \'ab\'c4\'c0\'cb\'d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ca\'ce\'cc\'d5\'ce\'cb\'ce\'c4\'bb\loch\f0 \hich\f0  - \'ab\'d1\'f2\'ee\'f0\'ee\'ed\</w:t>
      </w:r>
      <w:r w:rsidRPr="00651F56">
        <w:rPr>
          <w:rFonts w:ascii="Courier New" w:hAnsi="Courier New" w:cs="Courier New"/>
        </w:rPr>
        <w:t>'e0\loch\f0 \hich\f0  1\'bb,\hich\af0\dbch\af39\loch\f0  \loch\af0\dbch\af39\hich\f0 \'ce\'ce\'ce\loch\f0 \hich\f0  \'ab\'cb\'e8\'e1\'f5\'e5\'f0\'f0-\'d0\'f3\'f1\'eb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4\'bb\loch\f0 \hich\f0  - \'ab\'d1\'f2\'ee\'f0\'ee\'ed\'e0\loch\f0 \hich\f0  2</w:t>
      </w:r>
      <w:r w:rsidRPr="00651F56">
        <w:rPr>
          <w:rFonts w:ascii="Courier New" w:hAnsi="Courier New" w:cs="Courier New"/>
        </w:rPr>
        <w:t>\'bb\hich\af0\dbch\af39\loch\f0 \hich\f0 , \'c0\'ce\loch\f0 \hich\f0  \'ab\'d2\'c5\'d0\'cc\'c8\'cd\'c0\'cb\loch\f0 \hich\f0  \'c0\'d1\'d2\'c0\'d4\'dc\'c5\'c2\'c0\'b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- \'ab\'d1\'f2\'ee\'f0\'ee\'ed\'e0\loch\f0 \hich\f0  3\'bb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hic</w:t>
      </w:r>
      <w:r w:rsidRPr="00651F56">
        <w:rPr>
          <w:rFonts w:ascii="Courier New" w:hAnsi="Courier New" w:cs="Courier New"/>
        </w:rPr>
        <w:t>h\af0\dbch\af39\loch\f0 \hich\f0 - \'cf\'f0\'e5\'e4\'ec\'e5\'f2\loch\f0 \hich\f0  \'d1\'ee\'e3\'eb\'e0\'f8\'e5\'ed\'e8\'ff\loch\f0 \hich\f0 : \'ab\'d1\'f2\'ee\'f0\'ee\'ed\'e0\loch\f0 \hich\f0  1\'bb\loch\f0 \hich\f0  \'ef\'e5\'f0\'e5\'e4\'e0\'e5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</w:t>
      </w:r>
      <w:r w:rsidRPr="00651F56">
        <w:rPr>
          <w:rFonts w:ascii="Courier New" w:hAnsi="Courier New" w:cs="Courier New"/>
        </w:rPr>
        <w:t>\f0 \hich\f0 , \'e0\loch\f0 \hich\f0  \'ab\'d1\'f2\'ee\'f0\'ee\'ed\'e0\loch\f0 \hich\f0  3\'bb\loch\f0 \hich\f0  \'ef\'f0\'e8\'ed\'e8\'ec\'e0\'e5\'f2\loch\f0 \hich\f0  \'ed\'e0\loch\f0 \hich\f0  \'f1\'e5\'e1\'ff\loch\f0 \hich\f0  \'e2\'f1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</w:t>
      </w:r>
      <w:r w:rsidRPr="00651F56">
        <w:rPr>
          <w:rFonts w:ascii="Courier New" w:hAnsi="Courier New" w:cs="Courier New"/>
        </w:rPr>
        <w:t>ch\f0  \'ef\'f0\'e0\'e2\'e0\loch\f0 \hich\f0  \'e8\loch\f0 \hich\f0  \'ee\'e1\'ff\'e7\'e0\'ed\'ed\'ee\'f1\'f2\'e8\loch\f0 \hich\f0  \'cf\'ee\'ea\'f3\'ef\'e0\'f2\'e5\'eb\'ff\loch\f0 \hich\f0  \'e8\loch\f0 \hich\f0  \'f1\'f2\'e0\'ed\'ee\'e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f1\'ff</w:t>
      </w:r>
      <w:r w:rsidRPr="00651F56">
        <w:rPr>
          <w:rFonts w:ascii="Courier New" w:hAnsi="Courier New" w:cs="Courier New"/>
        </w:rPr>
        <w:t>\loch\f0 \hich\f0  \'f1\'f2\'ee\'f0\'ee\'ed\'ee\'e9\loch\f0 \hich\f0  \'ef\'ee\loch\f0 \hich\f0  \'ca\'ee\'ed\'f2\'f0\'e0\'ea\'f2\'f3\loch\f0 \hich\f0  \'b9\loch\f0 \hich\f0  141900/20 \'ee\'f2\loch\f0 \hich\f0  17.07.2020 (\'e4\'e0\'eb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loch\f0 \</w:t>
      </w:r>
      <w:r w:rsidRPr="00651F56">
        <w:rPr>
          <w:rFonts w:ascii="Courier New" w:hAnsi="Courier New" w:cs="Courier New"/>
        </w:rPr>
        <w:t xml:space="preserve">hich\f0  \'ef\'ee\loch\f0 \hich\f0  \'f2\'e5\'ea\'f1\'f2\'f3\loch\f0  \hich\f0 \endash \loch\f0 \hich\f0  \'ca\'ee\'ed\'f2\'f0\'e0\'ea\'f2\loch\f0 )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loch\af0\dbch\af39\hich\f0 \'ab\'d1\'f2\'ee\'f0\'ee\'ed\'e0\loch\f0 \hich\f0  3\'bb\loch\f0  \loch</w:t>
      </w:r>
      <w:r w:rsidRPr="00651F56">
        <w:rPr>
          <w:rFonts w:ascii="Courier New" w:hAnsi="Courier New" w:cs="Courier New"/>
        </w:rPr>
        <w:t>\af0\dbch\af39\hich\f0 \'ee\'e1\'ff\'e7\'f3\'e5\'f2\'f1\'ff\loch\f0 \hich\f0  \'ee\'f1\'f3\'f9\'e5\'f1\'f2\'e2\'eb\'ff\'f2\'fc\loch\f0 \hich\f0  \'e2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1\'f2\'ee\loch\f0 \hich\f0  \'ab\'d1\'f2\'ee\'f0\'ee\'ed\'fb\loch\f0 \hich\f0  1\'bb\loch\f0 \</w:t>
      </w:r>
      <w:r w:rsidRPr="00651F56">
        <w:rPr>
          <w:rFonts w:ascii="Courier New" w:hAnsi="Courier New" w:cs="Courier New"/>
        </w:rPr>
        <w:t>hich\f0  \'e2\'f1\'e5\loch\f0 \hich\f0  \'ef\'f0\'e0\'e2\'e0\loch\f0 \hich\f0  \'e8\loch\f0 \hich\f0  \'ee\'e1\'ff\'e7\'e0\'ed\'ed\'ee\'f1\'f2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, \'ef\'f0\'e5\'e4\'f3\'f1\'ec\'ee\'f2\'f0\'e5\'ed\'ed\'fb\'e5\loch\f0 \hich\f0  \'ca\'ee\</w:t>
      </w:r>
      <w:r w:rsidRPr="00651F56">
        <w:rPr>
          <w:rFonts w:ascii="Courier New" w:hAnsi="Courier New" w:cs="Courier New"/>
        </w:rPr>
        <w:t>'ed\'f2\'f0\'e0\'ea\'f2\'ee\'ec\loch\f0 \hich\f0  \'e4\'eb\'ff\loch\f0 \hich\f0  \'cf\'ee\'ea\'f3\'ef\'e0\'f2\'e5\'eb\'ff\loch\f0 \hich\f0 , 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f\'ee\'eb\'ed\'ee\'ec\loch\f0 \hich\f0  \'ee\'e1\'fa\'e5\'ec\'e5\loch\f0 \hich\f0 . \'c</w:t>
      </w:r>
      <w:r w:rsidRPr="00651F56">
        <w:rPr>
          <w:rFonts w:ascii="Courier New" w:hAnsi="Courier New" w:cs="Courier New"/>
        </w:rPr>
        <w:t xml:space="preserve">7\'e0\'ec\'e5\'ed\'e0\loch\f0 \hich\f0  \'ab\'d1\'f2\'ee\'f0\'ee\'ed\'fb\~\loch\f0 \hich\f0 1\'bb\loch\f0 \hich\f0  \'ed\'e0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ab\'d1\'f2\'ee\'f0\'ee\'ed\'f3\loch\f0 \hich\f0  3\'bb\loch\f0 \hich\f0  \'ef\'ee\loch\f0 \hich\f0  \'ca\'ee\</w:t>
      </w:r>
      <w:r w:rsidRPr="00651F56">
        <w:rPr>
          <w:rFonts w:ascii="Courier New" w:hAnsi="Courier New" w:cs="Courier New"/>
        </w:rPr>
        <w:t>'ed\'f2\'f0\'e0\'ea\'f2\'f3\loch\f0 \hich\f0  \'ee\'e7\'ed\'e0\'f7\'e0\'e5\'f2\loch\f0 \hich\f0  \'e7\'e0\'ec\'e5\'ed\'f3\loch\f0 \hich\f0  \'a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d1\'f2\'ee\'f0\'ee\'ed\'fb\loch\f0 \hich\f0  1\'bb\loch\f0 \hich\f0  \'ed\'e0\loch\f0 \hich\f0  \'ab\'d1\'f2</w:t>
      </w:r>
      <w:r w:rsidRPr="00651F56">
        <w:rPr>
          <w:rFonts w:ascii="Courier New" w:hAnsi="Courier New" w:cs="Courier New"/>
        </w:rPr>
        <w:t>\'ee\'f0\'ee\'ed\'f3\loch\f0 \hich\f0  3\'bb\loch\f0 \hich\f0  \'ef\'ee\loch\f0 \hich\f0  \'e2\'f1\'e5\'ec\loch\f0 \hich\f0  \'f1\'ee\'e3\'eb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f8\'e5\'ed\'e8\'ff\'ec\loch\f0 \hich\f0  (\'e4\'ee\'ef\'ee\'eb\'ed\'e8\'f2\'e5\'eb\'fc\'ed\'fb\'ec\loch\f0 </w:t>
      </w:r>
      <w:r w:rsidRPr="00651F56">
        <w:rPr>
          <w:rFonts w:ascii="Courier New" w:hAnsi="Courier New" w:cs="Courier New"/>
        </w:rPr>
        <w:t>\hich\f0  \'f1\'ee\loch\af0\dbch\af39\hich\f0 \'e3\loch\af0\dbch\af39\hich\f0 \'eb\'e0\'f8\'e5\'ed\'e8\'ff\'ec\loch\f0 \hich\f0 , \'ef\'f0\'e8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6\'e5\'ed\'e8\'ff\'ec\loch\f0 \hich\f0  \'e8\loch\f0 \hich\f0  \'f2.\'ef\loch\f0 \hich\f0 .), \'ff\'e</w:t>
      </w:r>
      <w:r w:rsidRPr="00651F56">
        <w:rPr>
          <w:rFonts w:ascii="Courier New" w:hAnsi="Courier New" w:cs="Courier New"/>
        </w:rPr>
        <w:t>2\'eb\'ff\'fe\'f9\'e8\'ec\'f1\'ff\loch\f0 \hich\f0  \'ed\'e5\'ee\'f2\'fa\'e5\'ec\'eb\'e5\'ec\'ee\'e9\loch\f0 \hich\f0  \'f7\'e0\'f1\'f2\'fc\'f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ca\'ee\'ed\'f2\'f0\'e0\'ea\'f2\'e0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loch\af0\dbch\af39\hich\f0 \'ab\'d1\'f2\'ee\'f0</w:t>
      </w:r>
      <w:r w:rsidRPr="00651F56">
        <w:rPr>
          <w:rFonts w:ascii="Courier New" w:hAnsi="Courier New" w:cs="Courier New"/>
        </w:rPr>
        <w:t>\'ee\'ed\'e0\loch\f0 \hich\f0  2\'bb\loch\f0 \hich\f0  \'e8\loch\f0 \hich\f0  \'ab\'d1\'f2\'ee\'f0\'ee\'ed\'e0\loch\f0 \hich\f0  1\'bb\loch\f0 \hich\f0  \'ef\'f3\'f2\'e5\'ec\loch\f0 \hich\f0  \'e7\'e0\'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fe\'f7\'e5\'ed\'e8\'ff\loch\f0 \hich\f0  \'d</w:t>
      </w:r>
      <w:r w:rsidRPr="00651F56">
        <w:rPr>
          <w:rFonts w:ascii="Courier New" w:hAnsi="Courier New" w:cs="Courier New"/>
        </w:rPr>
        <w:t xml:space="preserve">1\'ee\'e3\'eb\'e0\'f8\'e5\'ed\'e8\'ff\loch\f0 \hich\f0  \'e4\'e0\'fe\'f2\loch\f0 \hich\f0  \'f1\'e2\'ee\'e5\loch\f0 \hich\f0  \'f1\'ee\'e3\'eb\'e0\'f1\'e8\'e5\loch\f0 \hich\f0  \'ed\'e0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f\'e5\'f0\'e5\'e4\'e0\'f7\'f3\loch\f0 \hich\f0 </w:t>
      </w:r>
      <w:r w:rsidRPr="00651F56">
        <w:rPr>
          <w:rFonts w:ascii="Courier New" w:hAnsi="Courier New" w:cs="Courier New"/>
        </w:rPr>
        <w:t xml:space="preserve"> \'ab\'d1\'f2\'ee\'f0\'ee\'ed\'ee\'e9\loch\f0 \hich\f0  1\'bb\loch\f0 \hich\f0  \'ab\'d1\'f2\'ee\'f0\'ee\'ed\'e5\loch\f0 \hich\f0  3\'bb\loch\f0 \hich\f0  \'ef\'f0\'e0\'e2\loch\f0 \hich\f0  \'e8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e\'e1\'ff\'e7\'e0\'ed\'ed\'ee\'f1\'f2\</w:t>
      </w:r>
      <w:r w:rsidRPr="00651F56">
        <w:rPr>
          <w:rFonts w:ascii="Courier New" w:hAnsi="Courier New" w:cs="Courier New"/>
        </w:rPr>
        <w:t>'e5\'e9\loch\f0 \hich\f0  \'ef\'ee\loch\f0 \hich\f0  \'ca\'ee\'ed\'f2\'f0\'e0\'ea\'f2\'f3\loch\f0 \hich\f0  \'e2\loch\f0 \hich\f0  \'ef\'ee\'eb\'ed\'ee\'ec\loch\f0 \hich\f0  \'ee\'e1\'fa\'e5\'ec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och\f0 .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\hich\af0\dbch\af39\loch\f0 \hich\f0  </w:t>
      </w:r>
      <w:r w:rsidRPr="00651F56">
        <w:rPr>
          <w:rFonts w:ascii="Courier New" w:hAnsi="Courier New" w:cs="Courier New"/>
        </w:rPr>
        <w:t>\'ab\'d1\'f2\'ee\'f0\'ee\'ed\'e0\loch\f0 \hich\f0  1\'bb\loch\f0 \hich\f0  \'e8\loch\f0 \hich\f0  \'ab\'d1\'f2\'ee\'f0\'ee\'ed\loch\af0\dbch\af39\hich\f0 \'e0\loch\f0 \hich\f0  2\'bb\loch\f0 \hich\f0  \'ef\'ee\'e4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5\'f0\'e6\'e4\'e0\'fe\'f2\loch</w:t>
      </w:r>
      <w:r w:rsidRPr="00651F56">
        <w:rPr>
          <w:rFonts w:ascii="Courier New" w:hAnsi="Courier New" w:cs="Courier New"/>
        </w:rPr>
        <w:t>\f0 \hich\f0 , \'f7\'f2\'ee\loch\f0 \hich\f0  \'ed\'e0\loch\f0 \hich\f0  \'ec\'ee\'ec\'e5\'ed\'f2\loch\f0 \hich\f0  \'e7\'e0\'ea\'eb\'fe\'f7\'e5\'ed\'e8\'ff\loch\f0 \hich\f0  \'d1\'ee\'e3\'eb\'e0\'f8\'e5\'ed\'e8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ab\'d1\'f2\'ee\'f0</w:t>
      </w:r>
      <w:r w:rsidRPr="00651F56">
        <w:rPr>
          <w:rFonts w:ascii="Courier New" w:hAnsi="Courier New" w:cs="Courier New"/>
        </w:rPr>
        <w:t>\'ee\'ed\'e0\loch\f0 \hich\f0  1\'bb\loch\f0 \hich\f0  \'f3\'ef\'eb\'e0\'f2\'e8\'eb\'e0\loch\f0 \hich\f0  \'ab\'d1\'f2\'ee\'f0\'ee\'ed\'e5\loch\f0 \hich\f0  2\'bb\loch\f0 \hich\f0  \'e2\loch\f0 \hich\f0  \'f0\'e0\'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e0\'f5\loch\f0 \hich\f0  \'e8\'f</w:t>
      </w:r>
      <w:r w:rsidRPr="00651F56">
        <w:rPr>
          <w:rFonts w:ascii="Courier New" w:hAnsi="Courier New" w:cs="Courier New"/>
        </w:rPr>
        <w:t>1\'ef\'ee\'eb\'ed\'e5\'ed\'e8\'ff\loch\f0 \hich\f0  \'ee\'e1\'ff\'e7\'e0\'f2\'e5\'eb\'fc\'f1\'f2\'e2\loch\f0 \hich\f0  \'ef\'ee\loch\f0 \hich\f0  \'ca\'ee\'ed\'f2\'f0\'e0\'ea\'f2\'f3\loch\f0 \hich\f0  379 000 (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0\'e8\'f1\'f2\'e0\loch\f0 \hich\f0  \</w:t>
      </w:r>
      <w:r w:rsidRPr="00651F56">
        <w:rPr>
          <w:rFonts w:ascii="Courier New" w:hAnsi="Courier New" w:cs="Courier New"/>
        </w:rPr>
        <w:t>'f1\'e5\'ec\'fc\'e4\'e5\'f1\'ff\'f2\loch\f0 \hich\f0  \'e4\'e5\'e2\'ff\'f2\'fc\loch\f0 \hich\f0  \'f2\'fb\'f1\'ff\'f7\loch\f0 \hich\f0 ) \'e5\'e2\'f0\'ee\loch\f0 \hich\f0 , \'f7\'f2\'ee\loch\f0 \hich\f0  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f0\'f3\'e1\'eb\'e5\'e2\'e</w:t>
      </w:r>
      <w:r w:rsidRPr="00651F56">
        <w:rPr>
          <w:rFonts w:ascii="Courier New" w:hAnsi="Courier New" w:cs="Courier New"/>
        </w:rPr>
        <w:t xml:space="preserve">e\'ec\loch\f0 \hich\f0  \'fd\'ea\'e2\'e8\'e2\'e0\'eb\'e5\'ed\'f2\'e5\loch\f0 \hich\f0  \'f1\'ee\'f1\'f2\'e0\'e2\'e8\'eb\'ee\loch\f0 \hich\f0  33 347 164,54 (\'f2\'f0\'e8\'e4\'f6\'e0\'f2\'fc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f0\'e8\loch\f0 \hich\f0  \'ec\'e8\'eb\'e</w:t>
      </w:r>
      <w:r w:rsidRPr="00651F56">
        <w:rPr>
          <w:rFonts w:ascii="Courier New" w:hAnsi="Courier New" w:cs="Courier New"/>
        </w:rPr>
        <w:t xml:space="preserve">b\'e8\'ee\'ed\'e0\loch\f0 \hich\f0  \'f2\loch\af0\dbch\af39\hich\f0 \'f0\loch\af0\dbch\af39\hich\f0 \'e8\'f1\'f2\'e0\loch\f0 \hich\f0  \'f1\'ee\'f0\'ee\'ea\loch\f0 \hich\f0  \'f1\'e5\'ec\'fc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fb\'f1\'ff\'f7\loch\f0 \hich\f0  \'f1\'</w:t>
      </w:r>
      <w:r w:rsidRPr="00651F56">
        <w:rPr>
          <w:rFonts w:ascii="Courier New" w:hAnsi="Courier New" w:cs="Courier New"/>
        </w:rPr>
        <w:t>f2\'ee\loch\f0 \hich\f0  \'f8\'e5\'f1\'f2\'fc\'e4\'e5\'f1\'ff\'f2\loch\f0 \hich\f0  \'f7\'e5\'f2\'fb\'f0\'e5\loch\f0 \hich\f0  \'e8\loch\f0 \hich\f0  54/100) \'f0\'f3\'e1\'eb\'e5\'e9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hich\af0\dbch\af39\loch\f0 \hich\f0  \'ab\'d1\'f2\'ee\'f0\'ee\'ed</w:t>
      </w:r>
      <w:r w:rsidRPr="00651F56">
        <w:rPr>
          <w:rFonts w:ascii="Courier New" w:hAnsi="Courier New" w:cs="Courier New"/>
        </w:rPr>
        <w:t xml:space="preserve">\'e0\loch\f0 \hich\f0  1\'bb\loch\f0 \hich\f0  \'e8\'ec\'e5\'e5\'f2\loch\f0 \hich\f0  \'e7\'e0\'e4\'ee\'eb\'e6\'e5\'ed\'ed\'ee\'f1\'f2\'fc\loch\f0 \hich\f0  \'ef\'e5\'f0\'e5\'e4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ab\'d1\'f2\'ee\'f0\'ee\'ed\'ee\'e9\loch\f0 \hich\f0  2\'</w:t>
      </w:r>
      <w:r w:rsidRPr="00651F56">
        <w:rPr>
          <w:rFonts w:ascii="Courier New" w:hAnsi="Courier New" w:cs="Courier New"/>
        </w:rPr>
        <w:t xml:space="preserve">bb\loch\f0 \hich\f0  \'ef\'ee\loch\f0 \hich\f0  \'ca\'ee\'ed\'f2\'f0\'e0\'ea\'f2\'f3\loch\f0 \hich\f0  \'e2\loch\f0 \hich\f0  \'f0\'e0\'e7\'ec\'e5\'f0\'e5\loch\f0 \hi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                   2 741 000 (\'e4\'e2\'e0\loch\f0 \hich\f0  \'ec\'e8\'eb\'eb\'e8</w:t>
      </w:r>
      <w:r w:rsidRPr="00651F56">
        <w:rPr>
          <w:rFonts w:ascii="Courier New" w:hAnsi="Courier New" w:cs="Courier New"/>
        </w:rPr>
        <w:t>\'ee\'ed\'e0\loch\f0 \hich\f0  \'f1\'e5\'ec\'fc\'f1\'ee\'f2\loch\f0 \hich\f0  \'f1\'ee\'f0\'ee\'ea\loch\f0 \hich\f0  \'ee\'e4\'ed\'e0\loch\f0 \hich\f0  \'f2\'fb\'f1\'ff\'f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loch\f0 \hich\f0 ) \'e5\'e2\'f0\'ee\loch\f0 \hich\f0 , \'f7\'f2\'ee\loch\f0 \</w:t>
      </w:r>
      <w:r w:rsidRPr="00651F56">
        <w:rPr>
          <w:rFonts w:ascii="Courier New" w:hAnsi="Courier New" w:cs="Courier New"/>
        </w:rPr>
        <w:t>hich\f0  \'ef\'ee\'e4\'f2\'e2\'e5\'f0\'e6\'e4\'e0\'e5\'f2\'f1\'ff\loch\f0 \hich\f0  \'c0\'ea\'f2\'ee\'ec\loch\f0 \hich\f0  \'f1\'e2\'e5\'f0\'ea\'e8\loch\f0 \hich\f0 . \'c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a\loch\f0 \hich\f0  \'ab\'d1\'f2\'ee\'f0\'ee\loch\af0\dbch\af39\hich\f0 \'ed</w:t>
      </w:r>
      <w:r w:rsidRPr="00651F56">
        <w:rPr>
          <w:rFonts w:ascii="Courier New" w:hAnsi="Courier New" w:cs="Courier New"/>
        </w:rPr>
        <w:t xml:space="preserve">\'e0\loch\f0 \hich\f0  1\'bb\loch\f0 \hich\f0 , \'f2\'e0\'ea\loch\f0 \hich\f0  \'e8\loch\f0 \hich\f0  \'ab\'d1\'f2\'ee\'f0\'ee\'ed\'e0\loch\f0 \hich\f0  3\'bb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f\'f0\'e8\'e7\'ed\'e0\'fe\'f2\loch\f0 \hich\f0  \'e7\'e0\'e4\'ee\'eb\'e6\'</w:t>
      </w:r>
      <w:r w:rsidRPr="00651F56">
        <w:rPr>
          <w:rFonts w:ascii="Courier New" w:hAnsi="Courier New" w:cs="Courier New"/>
        </w:rPr>
        <w:t>e5\'ed\'ed\'ee\'f1\'f2\'fc\loch\f0 \hich\f0  \'ef\'ee\loch\f0 \hich\f0  \'ca\'ee\'ed\'f2\'f0\'e0\'ea\'f2\'f3\loch\f0 \hich\f0  \'e2\loch\f0 \hich\f0  \'f3\'ea\'e0\'e7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ed\'ed\'ee\'ec\loch\f0 \hich\f0  \'e2\loch\f0 \hich\f0  \'d1\'ee\'e3\'eb\'e0\'f8\'</w:t>
      </w:r>
      <w:r w:rsidRPr="00651F56">
        <w:rPr>
          <w:rFonts w:ascii="Courier New" w:hAnsi="Courier New" w:cs="Courier New"/>
        </w:rPr>
        <w:t xml:space="preserve">e5\'ed\'e8\'e8\loch\f0 \hich\f0  \'f0\'e0\'e7\'ec\'e5\'f0\'e5\loch\f0 \hich\f0  \'e8\loch\f0 \hich\f0  \'ef\'ee\'e4\'f2\'e2\'e5\'f0\'e6\'e4\'e0\'fe\'f2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, \'f7\'f2\'ee\loch\f0 \hich\f0  \'f3\loch\f0 \hich\f0  \'ab\'d1\'f2\'ee\'f0\'ee\'ed\</w:t>
      </w:r>
      <w:r w:rsidRPr="00651F56">
        <w:rPr>
          <w:rFonts w:ascii="Courier New" w:hAnsi="Courier New" w:cs="Courier New"/>
        </w:rPr>
        <w:t xml:space="preserve">'fb\loch\f0 \hich\f0  1\'bb\loch\f0 \hich\f0  \'e8\loch\f0 \hich\f0  \'f3\loch\f0 \hich\f0  \'ab\'d1\'f2\'ee\'f0\'ee\'ed\'fb\loch\f0 \hich\f0  3\'bb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e\'f2\'f1\'f3\'f2\'f1\'f2\'e2\'f3\'fe\'f2\loch\f0 \hich\f0  \'ea\'e0\'ea\'e8\'e5-\'e</w:t>
      </w:r>
      <w:r w:rsidRPr="00651F56">
        <w:rPr>
          <w:rFonts w:ascii="Courier New" w:hAnsi="Courier New" w:cs="Courier New"/>
        </w:rPr>
        <w:t>b\'e8\'e1\'ee\loch\f0 \hich\f0  \'ee\'f1\'ed\'ee\'e2\'e0\'ed\'e8\'ff\loch\f0 \hich\f0  \'e4\'eb\'ff\loch\f0 \hich\f0  \'ee\'f1\'ef\'e0\'f0\'e8\'e2\'e0\'ed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\loch\f0 \hich\f0  \'f3\'ea\'e0\'e7\'e0\'ed\'ed\'ee\'e9\loch\f0 \hich\f0  \'e7\'e0\'e4\'ee\'</w:t>
      </w:r>
      <w:r w:rsidRPr="00651F56">
        <w:rPr>
          <w:rFonts w:ascii="Courier New" w:hAnsi="Courier New" w:cs="Courier New"/>
        </w:rPr>
        <w:t>eb\'e6\'e5\'ed\'ed\'ee\'f1\'f2\'e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loch\af0\dbch\af39\hich\f0 \'cf\'f0\'e0\'e2\'ee\loch\f0 \hich\f0  \'f1\'ee\'e1\'f1\'f2\'e2\'e5\'ed\'ed\'ee\'f1\'f2\'e8\loch\f0 \hich\f0  \'ed\'e0\loch\f0 \hich\f0  \'ce\'e1\'ee\'f0\'f3\'e4\'ee\'e2\'e0\'ed\'e8\'e5\</w:t>
      </w:r>
      <w:r w:rsidRPr="00651F56">
        <w:rPr>
          <w:rFonts w:ascii="Courier New" w:hAnsi="Courier New" w:cs="Courier New"/>
        </w:rPr>
        <w:t xml:space="preserve">loch\f0 \hich\f0  \'e2\lo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af0\dbch\af39\hich\f0 \'f1\'ee\'ee\'f2\'e2\'e5\'f2\'f1\'f2\'e2\'e8\'e8\loch\f0 \hich\f0  \'f1\loch\f0 \hich\f0  \'ef\loch\f0 \hich\f0 . 14.1 \'ca\'ee\'ed\'f2\'f0\'e0\'ea\'f2\'e0\loch\f0 \hich\f0  \'ef\'f0\'e8\'ed\'e0</w:t>
      </w:r>
      <w:r w:rsidRPr="00651F56">
        <w:rPr>
          <w:rFonts w:ascii="Courier New" w:hAnsi="Courier New" w:cs="Courier New"/>
        </w:rPr>
        <w:t xml:space="preserve">\'e4\'eb\'e5\'e6\'e8\'f2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ab\'d1\'f2\'ee\'f0\'ee\'ed\'e5\loch\f0 \hich\f0  2\'bb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hich\af0\dbch\af39\loch\f0 \hich\f0  \'ab\'d1\'f2\'ee\'f0\'ee\'ed\'e0\loch\f0 \hich\f0  3\'bb\loch\f0 \hich\f0  \'ee\'e1\'ff\'e7\'f3\'e5\'f2\'f1\'</w:t>
      </w:r>
      <w:r w:rsidRPr="00651F56">
        <w:rPr>
          <w:rFonts w:ascii="Courier New" w:hAnsi="Courier New" w:cs="Courier New"/>
        </w:rPr>
        <w:t>ff\loch\f0 \hich\f0  \'e8\'f1\'ef\'ee\'eb\'ed\'e8\'f2\'fc\loch\f0 \hich\f0  \'ee\'f1\'f2\'e0\'eb\'fc\'ed\'f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loch\f0 \hich\f0  \'ee\'e1\'ff\'e7\'e0\'f2\'e5\'eb\'fc\'f1\'f2\'e2\'e0\loch\f0 \hich\f0  \'ab\'d1\'f2\'ee\'f0\'ee\'ed\'fb\loch\f0 \hich\f0  1</w:t>
      </w:r>
      <w:r w:rsidRPr="00651F56">
        <w:rPr>
          <w:rFonts w:ascii="Courier New" w:hAnsi="Courier New" w:cs="Courier New"/>
        </w:rPr>
        <w:t>\'bb\loch\f0 \hich\f0  \'ef\'ee\loch\f0 \hich\f0  \'f3\'ef\'eb\'e0\'f2\'e5\loch\f0 \hich\f0  \'e7\'e0\'e4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b\'e6\'e5\'ed\'ed\'ee\'f1\'f2\'e8\loch\f0 \hich\f0  \'ef\'ee\loch\f0 \hich\f0  \'ca\'ee\'ed\'f2\'f0\'e0\'ea\'f2\'f3\loch\f0 \hich\f0  \'e8\loc</w:t>
      </w:r>
      <w:r w:rsidRPr="00651F56">
        <w:rPr>
          <w:rFonts w:ascii="Courier New" w:hAnsi="Courier New" w:cs="Courier New"/>
        </w:rPr>
        <w:t>h\f0 \hich\f0  \'f1\'ee\'e3\'eb\'e0\'f1\'ed\'ee\loch\f0 \hich\f0  \'ef\loch\f0 \hich\f0 .1.4.2. \'ed\'e0\'f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e\'ff\'f9\'e5\'e3\'ee\loch\f0 \hich\f0  \'d1\'ee\'e3\'eb\'e0\'f8\'e5\'ed\'e8\'ff\loch\f0 \hich\f0  \'e2\loch\f0 \hich\f0  \'f0\'e0\'e7\'ec\</w:t>
      </w:r>
      <w:r w:rsidRPr="00651F56">
        <w:rPr>
          <w:rFonts w:ascii="Courier New" w:hAnsi="Courier New" w:cs="Courier New"/>
        </w:rPr>
        <w:t>'e5\'f0\'e5\loch\f0 \hich\f0    2 741 000 (\'e4\'e2\'e0\loch\f0 \hich\f0  \'ec\'e8\'eb\'eb\'e8\'ee\'ed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f1\'e5\'ec\'fc\'f1\'ee\'f2\loch\f0 \hich\f0  \'f1\'ee\'f0\'ee\'ea\loch\f0  \loch\af0\dbch\af39\hich\f0 \'ee\'e4\'ed\'e0\loch\f0</w:t>
      </w:r>
      <w:r w:rsidRPr="00651F56">
        <w:rPr>
          <w:rFonts w:ascii="Courier New" w:hAnsi="Courier New" w:cs="Courier New"/>
        </w:rPr>
        <w:t xml:space="preserve"> \hich\f0  \'f2\'fb\'f1\'ff\'f7\'e0\loch\f0 \hich\f0 ) \'e5\'e2\'f0\'ee\loch\f0 \hich\f0  \'f1\'ee\'e3\'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0\'f1\'ed\'ee\loch\f0 \hich\f0  \'ef\'ee\'f0\'ff\'e4\'ea\'f3\loch\f0 \hich\f0  \'ef\'eb\'e0\'f2\'e5\'e6\'e5\'e9\loch\f0 \hich\f0 , \'ef\'f0\'e5\'</w:t>
      </w:r>
      <w:r w:rsidRPr="00651F56">
        <w:rPr>
          <w:rFonts w:ascii="Courier New" w:hAnsi="Courier New" w:cs="Courier New"/>
        </w:rPr>
        <w:t>e4\'f3\'f1\'ec\'ee\'f2\'f0\'e5\'ed\'ed\'ee\'ec\'f3\loch\f0 \hich\f0  \'ef\loch\f0 \hich\f0 .3.1. \'ca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f2\'f0\'e0\'ea\'f2\'e0\loch\f0 \hich\f0 . \'c2\loch\f0 \hich\f0  \'ee\'f1\'f2\'e0\'eb\'fc\'ed\'ee\'ec\loch\f0 \hich\f0  \'e7\'e0\'ec\'e5\'ed\'e</w:t>
      </w:r>
      <w:r w:rsidRPr="00651F56">
        <w:rPr>
          <w:rFonts w:ascii="Courier New" w:hAnsi="Courier New" w:cs="Courier New"/>
        </w:rPr>
        <w:t>0\loch\f0 \hich\f0  \'ab\'d1\'f2\'ee\'f0\'ee\'ed\'fb\loch\f0 \hich\f0  1\'bb\loch\f0 \hich\f0  \'ed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ab\'d1\'f2\'ee\'f0\'ee\'ed\'f3\loch\f0 \hich\f0  3\'bb\loch\f0 \hich\f0  \'ef\'ee\loch\f0 \hich\f0  \'ca\'ee\'ed\'f2\'f0\'e0\'ea\'</w:t>
      </w:r>
      <w:r w:rsidRPr="00651F56">
        <w:rPr>
          <w:rFonts w:ascii="Courier New" w:hAnsi="Courier New" w:cs="Courier New"/>
        </w:rPr>
        <w:t>f2\'f3\loch\f0 \hich\f0  \'e2\loch\f0 \hich\f0  \'f1\'ee\'ee\'f2\'e2\'e5\'f2\'f1\'f2\'e2\'e8\'e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f1\loch\f0 \hich\f0  \'d1\'ee\'e3\'eb\'e0\'f8\'e5\'ed\'e8\'e5\'ec\loch\f0 \hich\f0  \'ed\'e5\loch\f0 \hich\f0  \'e8\'e7\'ec\'e5\'ed\'ff\'</w:t>
      </w:r>
      <w:r w:rsidRPr="00651F56">
        <w:rPr>
          <w:rFonts w:ascii="Courier New" w:hAnsi="Courier New" w:cs="Courier New"/>
        </w:rPr>
        <w:t>e5\'f2\loch\f0 \hich\f0  \'f3\'f1\'eb\'ee\'e2\'e8\'e9\loch\f0 \hich\f0  \'ca\'ee\'ed\'f2\'f0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f2\'e0\loch\f0 \hich\f0 , \'e5\'f1\'eb\'e8\loch\f0 \hich\f0  \'ab\'d1\'f2\'ee\'f0\'ee\'ed\'e0\loch\f0 \hich\f0  3\'bb\loch\f0 \hich\f0  \'e8\loch\f0 \hi</w:t>
      </w:r>
      <w:r w:rsidRPr="00651F56">
        <w:rPr>
          <w:rFonts w:ascii="Courier New" w:hAnsi="Courier New" w:cs="Courier New"/>
        </w:rPr>
        <w:t>ch\f0  \'ab\'d1\'f2\'ee\'f0\'ee\'ed\'e0\loch\f0 \hich\f0  2\'bb\loch\f0 \hich\f0  \'ed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4\'ee\'e3\'ee\'e2\'ee\'f0\'ff\'f2\'f1\'ff\loch\f0 \hich\f0  \'ee\'e1\loch\f0 \hich\f0  \'e8\'ed\'ee\'ec\loch\f0 \hich\f0  \'e2\loch\f0  \loch\</w:t>
      </w:r>
      <w:r w:rsidRPr="00651F56">
        <w:rPr>
          <w:rFonts w:ascii="Courier New" w:hAnsi="Courier New" w:cs="Courier New"/>
        </w:rPr>
        <w:t xml:space="preserve">af0\dbch\af39\hich\f0 \'ef\loch\af0\dbch\af39\hich\f0 \'ee\'f0\'ff\'e4\'ea\'e5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, \'ef\'f0\'e5\'e4\'f3\'f1\'ec\'ee\'f2\'f0\'e5\'ed\'ed\'ee\'ec\loch\f0 \hich\f0  \'ca\'ee\'ed\'f2\'f0\'e0\'ea\'f2\'ee\'ec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hich\af0\dbch\af39\loch\f0 \</w:t>
      </w:r>
      <w:r w:rsidRPr="00651F56">
        <w:rPr>
          <w:rFonts w:ascii="Courier New" w:hAnsi="Courier New" w:cs="Courier New"/>
        </w:rPr>
        <w:t>hich\f0  \'ab\'d1\'f2\'ee\'f0\'ee\'ed\'e0\loch\f0 \hich\f0  3\'bb\loch\f0 \hich\f0  \'ef\'f0\'e8\'ed\'e8\'ec\'e0\'e5\'f2\loch\f0 \hich\f0  \'ed\'e0\loch\f0 \hich\f0  \'f1\'e5\'e1\'ff\loch\f0 \hich\f0  \'ee\'e1\'ff\'e7\'e0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b\'fc\'f1\'f2\'e2\'ee\</w:t>
      </w:r>
      <w:r w:rsidRPr="00651F56">
        <w:rPr>
          <w:rFonts w:ascii="Courier New" w:hAnsi="Courier New" w:cs="Courier New"/>
        </w:rPr>
        <w:t xml:space="preserve">loch\f0 \hich\f0  \'ef\'ee\loch\f0 \hich\f0  \'f3\'ef\'eb\'e0\'f2\'e5\loch\f0 \hich\f0  (\'ea\'ee\'ec\'ef\'e5\'ed\'f1\'e0\'f6\'e8\'e8\loch\f0 \hich\f0 ) \'ab\'d1\'f2\'ee\'f0\'ee\'ed\'e5\~\loch\f0 \hich\f0 1\'bb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f1\'f3\'ec\'ec\'fb\loch</w:t>
      </w:r>
      <w:r w:rsidRPr="00651F56">
        <w:rPr>
          <w:rFonts w:ascii="Courier New" w:hAnsi="Courier New" w:cs="Courier New"/>
        </w:rPr>
        <w:t>\f0 \hich\f0  \'f7\'e0\'f1\'f2\'e8\'f7\'ed\'ee\'e9\loch\f0 \hich\f0  \'ee\'ef\'eb\'e0\'f2\'fb\loch\f0 \hich\f0  \'ce\'e1\'ee\'f0\'f3\'e4\'ee\'e2\'e0\'ed\'e8\'ff\loch\f0 \hich\f0 , \'ef\'f0\'ee\'e8\'e7\'e2\'e5\'e4\'e5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d\'ee\'e9\loch\f0 \hich\f0  \'a</w:t>
      </w:r>
      <w:r w:rsidRPr="00651F56">
        <w:rPr>
          <w:rFonts w:ascii="Courier New" w:hAnsi="Courier New" w:cs="Courier New"/>
        </w:rPr>
        <w:t>b\'d1\'f2\'ee\'f0\'ee\'ed\'ee\'e9\loch\f0 \hich\f0  1\'bb\loch\f0 \hich\f0  \'e2\loch\f0 \hich\f0  \'ef\'ee\'eb\'fc\'e7\'f3\loch\f0 \hich\f0  \'ab\'d1\'f2\'ee\'f0\'ee\'ed\'fb\loch\f0 \hich\f0  2\'bb\loch\f0 \hich\f0  \'e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loch\f0 \hich\f0  \'e8\'f1\'</w:t>
      </w:r>
      <w:r w:rsidRPr="00651F56">
        <w:rPr>
          <w:rFonts w:ascii="Courier New" w:hAnsi="Courier New" w:cs="Courier New"/>
        </w:rPr>
        <w:t>ef\'ee\'eb\'ed\'e5\'ed\'e8\'e5\loch\f0 \hich\f0  \'f1\'e2\'ee\'e8\'f5\loch\f0 \hich\f0  \'ee\'e1\'ff\'e7\'e0\'f2\'e5\'eb\'fc\'f1\'f2\'e2\loch\f0 \hich\f0  \'ef\'ee\loch\f0 \hich\f0  \'ca\'ee\'ed\'f2\'f0\'e0\'ea\'f2\'f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2\loch\f0 \hic</w:t>
      </w:r>
      <w:r w:rsidRPr="00651F56">
        <w:rPr>
          <w:rFonts w:ascii="Courier New" w:hAnsi="Courier New" w:cs="Courier New"/>
        </w:rPr>
        <w:t>h\f0  \'f1\'ee\'ee\'f2\'e2\'e5\loch\af0\dbch\af39\hich\f0 \'f2\'f1\'f2\'e2\'e8\'e8\loch\f0 \hich\f0  \'f1\hich\af0\dbch\af39\loch\f0  \loch\af0\dbch\af39\hich\f0 \'ef\loch\f0 \hich\f0 . 1.4.1 \'d1\'ee\'e3\'eb\'e0\'f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ed\'e8\'ff\loch\f0 \hich\f0  \'e</w:t>
      </w:r>
      <w:r w:rsidRPr="00651F56">
        <w:rPr>
          <w:rFonts w:ascii="Courier New" w:hAnsi="Courier New" w:cs="Courier New"/>
        </w:rPr>
        <w:t xml:space="preserve">2\loch\f0 \hich\f0  \'f0\'e0\'e7\'ec\'e5\'f0\'e5\loch\f0 \hich\f0  379 000 (\'f2\'f0\'e8\'f1\'f2\'e0\loch\f0 \hich\f0  \'f1\'e5\'ec\'fc\'e4\'e5\'f1\'ff\'f2\loch\f0 \hich\f0  \'e4\'e5\'e2\'ff\'f2\'fc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fb\'f1\'ff\'f7\loch\f0 \hich\f0</w:t>
      </w:r>
      <w:r w:rsidRPr="00651F56">
        <w:rPr>
          <w:rFonts w:ascii="Courier New" w:hAnsi="Courier New" w:cs="Courier New"/>
        </w:rPr>
        <w:t xml:space="preserve"> ) \'e5\'e2\'f0\'ee\loch\f0 \hich\f0 , \'f7\'f2\'ee\loch\f0 \hich\f0  \'e2\loch\f0 \hich\f0  \'f0\'f3\'e1\'eb\'e5\'e2\'ee\'ec\loch\f0 \hich\f0  \'fd\'ea\'e2\'e8\'e2\'e0\'eb\'e5\'ed\'f2\'e5\loch\f0 \hich\f0  \'f1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1\'f2\'e0\'e2\'e8\'eb\'ee\loch\f0 \h</w:t>
      </w:r>
      <w:r w:rsidRPr="00651F56">
        <w:rPr>
          <w:rFonts w:ascii="Courier New" w:hAnsi="Courier New" w:cs="Courier New"/>
        </w:rPr>
        <w:t>ich\f0  33 347 164,54 (\'f2\'f0\'e8\'e4\'f6\'e0\'f2\'fc\loch\f0 \hich\f0  \'f2\'f0\'e8\loch\f0 \hich\f0  \'ec\'e8\'eb\'eb\'e8\'ee\'ed\'e0\loch\f0 \hich\f0  \'f2\'f0\'e8\'f1\'f2\'e0\loch\f0 \hich\f0  \'f1\'ee\'f0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loch\f0 \hich\f0  \'f1\'e5\'ec\'fc</w:t>
      </w:r>
      <w:r w:rsidRPr="00651F56">
        <w:rPr>
          <w:rFonts w:ascii="Courier New" w:hAnsi="Courier New" w:cs="Courier New"/>
        </w:rPr>
        <w:t xml:space="preserve">\loch\f0 \hich\f0  \'f2\'fb\'f1\'ff\'f7\loch\f0 \hich\f0  \'f1\'f2\'ee\loch\f0 \hich\f0  \'f8\'e5\'f1\'f2\'fc\'e4\'e5\'f1\'ff\'f2\loch\f0 \hich\f0  \'f7\'e5\'f2\'fb\'f0\'e5\loch\f0 \hich\f0  \'e8\loch\f0 \hi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54/100) \'f0\'f3\'e1\'eb\'e5\'e9\loch\f0</w:t>
      </w:r>
      <w:r w:rsidRPr="00651F56">
        <w:rPr>
          <w:rFonts w:ascii="Courier New" w:hAnsi="Courier New" w:cs="Courier New"/>
        </w:rPr>
        <w:t xml:space="preserve"> \hich\f0 . \'cf\'ee\'f0\'ff\'e4\'ee\'ea\loch\f0 \hich\f0  \'e2\'e7\'e0\'e8\'ec\'ee\'f0\'e0\'f1\'f7\'b8\'f2\'ee\'e2\loch\f0 \hich\f0  \'ec\'e5\'e6\'e4\'f3\loch\f0 \hich\f0  \'ab\'d1\'f2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af0\dbch\af39\hich\f0 \'f0\'ee\'ed\'ee\'e9\loch\f0 \hich\f0</w:t>
      </w:r>
      <w:r w:rsidRPr="00651F56">
        <w:rPr>
          <w:rFonts w:ascii="Courier New" w:hAnsi="Courier New" w:cs="Courier New"/>
        </w:rPr>
        <w:t xml:space="preserve">  1\'bb\loch\f0 \hich\f0  \'e8\loch\f0 \hich\f0  \'ab\'d1\'f2\'ee\'f0\'ee\'ed\'ee\'e9\loch\f0 \hich\f0  3\'bb\loch\f0 \hich\f0  \'f0\'e5\'e3\'f3\'eb\'e8\'f0\'f3\'e5\'f2\'f1\'ff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ef\'f3\'f2\'b8\'ec\loch\f0 \hich\f0  \'e7\'e0\'ea\'eb\'fe</w:t>
      </w:r>
      <w:r w:rsidRPr="00651F56">
        <w:rPr>
          <w:rFonts w:ascii="Courier New" w:hAnsi="Courier New" w:cs="Courier New"/>
        </w:rPr>
        <w:t xml:space="preserve">\'f7\'e5\'ed\'e8\'ff\loch\f0 \hich\f0  \'ee\'f2\'e4\'e5\'eb\'fc\'ed\'ee\'e3\'ee\loch\f0 \hich\f0  \'d1\'ee\'e3\'eb\'e0\'f8\'e5\'ed\'e8\'ff\loch\f0 \hich\f0  \'ec\'e5\'e6\'e4\'f3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ab\'d1\'f2\'ee\'f0\'ee\'ed\'ee\'e9\loch\f0 \hich\f0  1\'</w:t>
      </w:r>
      <w:r w:rsidRPr="00651F56">
        <w:rPr>
          <w:rFonts w:ascii="Courier New" w:hAnsi="Courier New" w:cs="Courier New"/>
        </w:rPr>
        <w:t>bb\loch\f0 \hich\f0  \'e8\loch\f0 \hich\f0  \'ab\'d1\'f2\'ee\'f0\'ee\'ed\'ee\'e9\loch\f0 \hich\f0  3\'bb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-160\widctlpar\wrapdefault\aspalpha\aspnum\faauto\adjustright\rin-160\lin0\itap0\pararsid13465555 {\rtlch\fcs1 \af0\afs</w:t>
      </w:r>
      <w:r w:rsidRPr="00651F56">
        <w:rPr>
          <w:rFonts w:ascii="Courier New" w:hAnsi="Courier New" w:cs="Courier New"/>
        </w:rPr>
        <w:t xml:space="preserve">22 \ltrch\fcs0 \fs22\dbch\af39\insrsid13465555\charrsid13465555 \loch\af0\dbch\af39\hich\f0 \'c2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\'f1\'ee\'ee\'f2\'e2\'e5\'f2\'f1\'f2\'e2\'e8\'e8\loch\f0 \hich\f0  \'f1\loch\f0 \hich\f0  \'ef\loch\f0 \hich\f0 .14.1. \'ca\'ee\'ed\'f2\'f0</w:t>
      </w:r>
      <w:r w:rsidRPr="00651F56">
        <w:rPr>
          <w:rFonts w:ascii="Courier New" w:hAnsi="Courier New" w:cs="Courier New"/>
        </w:rPr>
        <w:t xml:space="preserve">\'e0\'ea\'f2\'e0\loch\f0 \hich\f0  \'e8\loch\f0 \hich\f0  \'ef\loch\f0 \hich\f0 . 5 \'f1\'f2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. 488 \'c3\'ca\loch\f0 \hich\f0  \'d0\'d4\loch\f0 \hich\f0  \'ce\'e1\'ee\'f0\'f3\'e4\'ee\'e2\'e0\'ed\'e8\'e5\loch\f0 \hich\f0  \'f1\loch\f0 \hic</w:t>
      </w:r>
      <w:r w:rsidRPr="00651F56">
        <w:rPr>
          <w:rFonts w:ascii="Courier New" w:hAnsi="Courier New" w:cs="Courier New"/>
        </w:rPr>
        <w:t>h\f0  \'ec\'ee\'ec\'e5\'ed\'f2\'e0\loch\f0 \hich\f0  \'e5\'e3\'ee\loch\f0 \hich\f0  \'ef\'e5\'f0\'e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4\'e0\'f7\'e8\loch\f0 \hich\f0  \'ab\'d1\'f2\'ee\'f0\'ee\'ed\'e5\loch\f0 \hich\f0  3\'bb\loch\f0 \hich\f0  \'e8\loch\f0 \hich\f0  \'e4\'ee\loch\f0 \hic</w:t>
      </w:r>
      <w:r w:rsidRPr="00651F56">
        <w:rPr>
          <w:rFonts w:ascii="Courier New" w:hAnsi="Courier New" w:cs="Courier New"/>
        </w:rPr>
        <w:t>h\f0  \'e5\'e3\'ee\loch\f0 \hich\f0  \'ef\'ee\'eb\'ed\'ee\'e9\loch\f0 \hich\f0  \'ee\'ef\'eb\'e0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b\loch\f0 \hich\f0 , \'ef\'f0\'ee\'e4\'e0\'ed\'ed\'ee\'e5\loch\f0 \hich\f0  \'e2\loch\f0 \hich\f0  \'ea\'f0\'e5\'e4\'e8\loch\af0\dbch\af39\hich\f0 \'f2</w:t>
      </w:r>
      <w:r w:rsidRPr="00651F56">
        <w:rPr>
          <w:rFonts w:ascii="Courier New" w:hAnsi="Courier New" w:cs="Courier New"/>
        </w:rPr>
        <w:t xml:space="preserve">\loch\f0 \hich\f0  \'ef\'ee\loch\f0 \hich\f0  \'ca\'ee\'ed\'f2\'f0\'e0\'ea\'f2\'f3\loch\f0 \hi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, \'ef\'f0\'e8\'e7\'ed\'e0\'e5\'f2\'f1\'ff\loch\f0 \hich\f0  \'ed\'e0\'f5\'ee\'e4\'ff\'f9\'e8\'ec\'f1\'ff\loch\f0 \hich\f0  \'e2\loch\f0 \hich\f0  \'e7\'e</w:t>
      </w:r>
      <w:r w:rsidRPr="00651F56">
        <w:rPr>
          <w:rFonts w:ascii="Courier New" w:hAnsi="Courier New" w:cs="Courier New"/>
        </w:rPr>
        <w:t xml:space="preserve">0\'eb\'ee\'e3\'e5\loch\f0 \hich\f0  \'f3\loch\f0 \hich\f0  \'ab\'d1\'f2\'ee\'f0\'ee\'ed\'fb\loch\f0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hich\f0  2\'bb\loch\f0 \hich\f0  \'e4\'eb\'ff\loch\f0 \hich\f0  \'ee\'e1\'e5\'f1\'ef\'e5\'f7\'e5\'ed\'e8\'ff\loch\f0 \hich\f0  \'e8\'f1\'ef\'ee\'eb\'ed\'</w:t>
      </w:r>
      <w:r w:rsidRPr="00651F56">
        <w:rPr>
          <w:rFonts w:ascii="Courier New" w:hAnsi="Courier New" w:cs="Courier New"/>
        </w:rPr>
        <w:t>e5\'ed\'e8\'ff\loch\f0 \hich\f0  \'ab\'d1\'f2\'ee\'f0\'ee\'ed\'ee\'e9\loch\f0 \hich\f0  3\'b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5\'e5\loch\f0 \hich\f0  \'ee\'e1\'ff\'e7\'e0\'ed\'ed\'ee\'f1\'f2\'e5\'e9\loch\f0 \hich\f0  \'ef\'ee\loch\f0 \hich\f0  \'ee\'ef\'eb\'e0\'f2\</w:t>
      </w:r>
      <w:r w:rsidRPr="00651F56">
        <w:rPr>
          <w:rFonts w:ascii="Courier New" w:hAnsi="Courier New" w:cs="Courier New"/>
        </w:rPr>
        <w:t xml:space="preserve">'e5\loch\f0 \hich\f0 . \'c4\'ee\loch\f0 \hich\f0  \'ef\'ee\'eb\'ed\'ee\'e9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f\'eb\'e0\'f2\'fb\loch\f0 \hich\f0  \'f6\'e5\'ed\'fb\loch\f0 \hich\f0  \'ca\'ee\'ed\'f2\'f0\'e0\'ea\'f2\'e0\loch\f0 \hich\f0  (\'ee\'e1\'f9\'e5\'e9\loch\f</w:t>
      </w:r>
      <w:r w:rsidRPr="00651F56">
        <w:rPr>
          <w:rFonts w:ascii="Courier New" w:hAnsi="Courier New" w:cs="Courier New"/>
        </w:rPr>
        <w:t>0 \hich\f0  \'f1\'f2\'ee\'e8\'ec\'ee\'f1\'f2\'e8\loch\f0 \hich\f0  \'ce\'e1\'ee\'f0\'f3\'e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e\'e2\'e0\'ed\'e8\'ff\loch\f0 \hich\f0 ) \'f1\'ee\'e3\'eb\'e0\'f1\'ed\'ee\loch\f0 \hich\f0  \'ef\loch\f0 \hich\f0 .2.1. \'ca\'ee\'ed\'f2\'f0\'e0\'ea\'f2\'e0\loc</w:t>
      </w:r>
      <w:r w:rsidRPr="00651F56">
        <w:rPr>
          <w:rFonts w:ascii="Courier New" w:hAnsi="Courier New" w:cs="Courier New"/>
        </w:rPr>
        <w:t xml:space="preserve">h\f0 \hich\f0  \'ab\'d1\'f2\'ee\'f0\'ee\'ed\'e0\loch\f0 \hich\f0  3\'bb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f\'f0\'e0\'e2\'e5\loch\f0 \hich\f0  \'e2\'eb\'e0\'e4\'e5\'f2\'fc\loch\f0 \hich\f0  \'e8\loch\f0 \hich\f0  \'ef\'ee\'eb\'fc\'e7\'ee\'e2\'e0\loch\af0\dbch\af39</w:t>
      </w:r>
      <w:r w:rsidRPr="00651F56">
        <w:rPr>
          <w:rFonts w:ascii="Courier New" w:hAnsi="Courier New" w:cs="Courier New"/>
        </w:rPr>
        <w:t>\hich\f0 \'f2\loch\af0\dbch\af39\hich\f0 \'fc\'f1\'ff\loch\f0 \hich\f0  \'ce\'e1\'ee\'f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3\'e4\'ee\'e2\'e0\'ed\'e8\'e5\'ec\loch\f0 \hich\f0 , \'ed\'ee\loch\f0 \hich\f0  \'ed\'e5\loch\f0 \hich\f0  \'e2\'ef\'f0\'e0\'e2\'e5\loch\f0 \hich\f0  \'e5\'e3\'ee\</w:t>
      </w:r>
      <w:r w:rsidRPr="00651F56">
        <w:rPr>
          <w:rFonts w:ascii="Courier New" w:hAnsi="Courier New" w:cs="Courier New"/>
        </w:rPr>
        <w:t>loch\f0 \hich\f0  \'ee\'f2\'f7\'f3\'e6\'e4\'e0\'f2\'fc\loch\f0 \hich\f0 . \'cf\'f3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a\'f2\loch\f0 \hich\f0  2 \'f1\'f2\loch\f0 \hich\f0 . 489 \'c3\'ca\loch\f0 \hich\f0  \'d0\'d4\loch\f0 \hich\f0  \'e2\loch\f0 \hich\f0  \'f7\'e0\'f1\'f2\'e8\loch\f0 \</w:t>
      </w:r>
      <w:r w:rsidRPr="00651F56">
        <w:rPr>
          <w:rFonts w:ascii="Courier New" w:hAnsi="Courier New" w:cs="Courier New"/>
        </w:rPr>
        <w:t>hich\f0  \'ee\'e3\'f0\'e0\'ed\'e8\'f7\'e5\'ed\'e8\'ff\loch\f0 \hich\f0  \'ef\'f0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0\loch\f0 \hich\f0  \'ab\'d1\'f2\'ee\'f0\'ee\'ed\'fb\loch\f0 \hich\f0  2\'bb\loch\f0 \hich\f0  \'f2\'f0\'e5\'e1\'ee\'e2\'e0\'f2\'fc\loch\f0 \hich\f0  \'e2\'ee\'e7\</w:t>
      </w:r>
      <w:r w:rsidRPr="00651F56">
        <w:rPr>
          <w:rFonts w:ascii="Courier New" w:hAnsi="Courier New" w:cs="Courier New"/>
        </w:rPr>
        <w:t>'e2\'f0\'e0\'f2\loch\f0 \hich\f0  \'ce\'e1\'ee\'f0\'f3\'e4\'ee\'e2\'e0\'ed\'e8\'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och\f0 \hich\f0  \'ea\loch\f0 \hich\f0  \'ee\'f2\'ed\'ee\'f8\'e5\'ed\'e8\'ff\'ec\loch\f0 \hich\f0  \'d1\'f2\'ee\'f0\'ee\'ed\loch\f0 \hich\f0  \'ef\'ee\loch\f0 \hich\f0  \</w:t>
      </w:r>
      <w:r w:rsidRPr="00651F56">
        <w:rPr>
          <w:rFonts w:ascii="Courier New" w:hAnsi="Courier New" w:cs="Courier New"/>
        </w:rPr>
        <w:t xml:space="preserve">'ca\'ee\'ed\'f2\'f0\'e0\'ea\'f2\'f3\loch\f0 \hich\f0  \'ed\'e5\loch\f0 \hich\f0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'ef\'f0\'e8\'ec\'e5\'ed\'ff\'e5\'f2\'f1\'ff.}{\rtlch\fcs1 \af0\afs22 \ltrch\fcs0 \b\fs22\insrsid13465555\charrsid13465555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</w:t>
      </w:r>
      <w:r w:rsidRPr="00651F56">
        <w:rPr>
          <w:rFonts w:ascii="Courier New" w:hAnsi="Courier New" w:cs="Courier New"/>
        </w:rPr>
        <w:t>fault\aspalpha\aspnum\faauto\adjustright\rin0\lin0\itap0\pararsid8323676 {\rtlch\fcs1 \af0\afs22 \ltrch\fcs0 \b\fs22\cf6\insrsid8323676 {\*\bkmkend _Hlk72511190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s28\qj \li0\ri0\widctlpar\wrapdefault\aspalpha\aspnum\faauto\adjust</w:t>
      </w:r>
      <w:r w:rsidRPr="00651F56">
        <w:rPr>
          <w:rFonts w:ascii="Courier New" w:hAnsi="Courier New" w:cs="Courier New"/>
        </w:rPr>
        <w:t xml:space="preserve">right\rin0\lin0\itap0\pararsid3619701 \rtlch\fcs1 \af0\afs20\alang1025 \ltrch\fcs0 \fs24\lang1049\langfe1049\cgrid\langnp1049\langfenp1049 {\rtlch\fcs1 \ab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b\fs22\insrsid1991179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fs22\ins</w:t>
      </w:r>
      <w:r w:rsidRPr="00651F56">
        <w:rPr>
          <w:rFonts w:ascii="Courier New" w:hAnsi="Courier New" w:cs="Courier New"/>
        </w:rPr>
        <w:t>rsid6826470\charrsid538368 \'cf\'ee\'f1\'eb\'e5 \'f0\'e0\'f1\'f1\'ec\'ee\'f2\'f0\'e5\'ed\'e8\'ff \'e2\'ee\'ef\'f0\'ee\'f1\'ee\'e2 \'ef\'ee\'e2\'e5\'f1\'f2\'ea\'e8 \'e4\'ed\'ff \'ef\'f0\'e5\'e4\'f1\'e5\'e4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2\'e5\'eb\'fc \'f1\'ee\'e1\'f0\'e0\'ed\'e8\</w:t>
      </w:r>
      <w:r w:rsidRPr="00651F56">
        <w:rPr>
          <w:rFonts w:ascii="Courier New" w:hAnsi="Courier New" w:cs="Courier New"/>
        </w:rPr>
        <w:t>'ff \'ee\'e1\'fa\'ff\'e2\'e8\'eb \'ee \'e7\'e0\'ea\'f0\'fb\'f2\'e8\'e8 \'e2\'ed\'e5\'ee\'f7\'e5\'f0\'e5\'e4\'ed\'ee\'e3\'ee \'ee\'e1\'f9\'e5\'e3\'ee \'f1\'ee\'e1\'f0\'e0\'ed\'e8\'ff \'e0\'ea\'f6\'e8\'ee\'e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5\'f0\'ee\'e2 \'c0\'ce \'ab\'d2\'e5\'f0\'ec\'</w:t>
      </w:r>
      <w:r w:rsidRPr="00651F56">
        <w:rPr>
          <w:rFonts w:ascii="Courier New" w:hAnsi="Courier New" w:cs="Courier New"/>
        </w:rPr>
        <w:t>e8\'ed\'e0\'eb \'c0\'f1\'f2\'e0\'f4\'fc\'e5\'e2\'e0\'bb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\plain \ltrpar\qj \li0\ri0\widctlpar\wrapdefault\aspalpha\aspnum\faauto\adjustright\rin0\lin0\itap0\pararsid15872911 \rtlch\fcs1 \af0\afs20\alang1025 \ltrch\fcs0 \fs20\lang1049\langfe1049</w:t>
      </w:r>
      <w:r w:rsidRPr="00651F56">
        <w:rPr>
          <w:rFonts w:ascii="Courier New" w:hAnsi="Courier New" w:cs="Courier New"/>
        </w:rPr>
        <w:t xml:space="preserve">\cgrid\langnp1049\langfenp1049 {\rtlch\fcs1 \af0\afs22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trch\fcs0 \b\fs22\insrsid3619701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1277861 {\rtlch\fcs1 \af0\afs22 \l</w:t>
      </w:r>
      <w:r w:rsidRPr="00651F56">
        <w:rPr>
          <w:rFonts w:ascii="Courier New" w:hAnsi="Courier New" w:cs="Courier New"/>
        </w:rPr>
        <w:t>trch\fcs0 \fs22\insrsid1277861\charrsid538368 \'d4\'f3\'ed\'ea\'f6\'e8\'e8 \'f1\'f7\'e5\'f2\'ed\'ee\'e9 \'ea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c\'e8\'f1\'f1\'e8\'e8 \'e2\'fb\'ef\'ee\'eb\'ed\'ff\'eb \'d0\'e5\'e3\'e8\'f1\'f2\'f0\'e0\'f2\'ee\'f0: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0\'ea\'f6\'e8\'ee\'ed\'e5\'f0</w:t>
      </w:r>
      <w:r w:rsidRPr="00651F56">
        <w:rPr>
          <w:rFonts w:ascii="Courier New" w:hAnsi="Courier New" w:cs="Courier New"/>
        </w:rPr>
        <w:t>\'ed\'ee\'e5 \'ee\'e1\'f9\'e5\'f1\'f2\'e2\'ee \'ab\'d0\'e5\'e3\'e8\'f1\'f2\'f0\'e0\'f2\'ee\'f0\'f1\'ea\'ee\'e5 \'ee\'e1\'f9\'e5\'f1\'f2\'e2\'ee \'ab\'d1\'d2\'c0\'d2\'d3\'d1\'bb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l \li0\ri0\keepn\widctlpar\wrapdefault\aspalpha\aspnum\f</w:t>
      </w:r>
      <w:r w:rsidRPr="00651F56">
        <w:rPr>
          <w:rFonts w:ascii="Courier New" w:hAnsi="Courier New" w:cs="Courier New"/>
        </w:rPr>
        <w:t>aauto\outlinelevel0\adjustright\rin0\lin0\itap0\pararsid1277861 {\rtlch\fcs1 \af0\afs22 \ltrch\fcs0 \fs22\insrsid1277861\charrsid538368 \'c0\'e4\'f0\'e5\'f1 \'ee\'e1\'f9\'e5\'f1\'f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2\'e0: \'e3. \'cc\'ee\'f1\'ea\'e2\'e0, \'f3\'eb}{\rtlch\fcs1 \ai\af0\a</w:t>
      </w:r>
      <w:r w:rsidRPr="00651F56">
        <w:rPr>
          <w:rFonts w:ascii="Courier New" w:hAnsi="Courier New" w:cs="Courier New"/>
        </w:rPr>
        <w:t>fs22 \ltrch\fcs0 \i\fs22\insrsid1277861\charrsid538368 . }{\rtlch\fcs1 \af0\afs22 \ltrch\fcs0 \fs22\insrsid1277861\charrsid538368 \'cd\'ee\'e2\'ee\'f5\'ee\'f5\'eb\'ee\'e2\'f1\'ea\'e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ff, \'e4.23, \'f1\'f2\'f0.1, \'ef\'ee\'ec.1}{\rtlch\fcs1 \ai\af0\afs22</w:t>
      </w:r>
      <w:r w:rsidRPr="00651F56">
        <w:rPr>
          <w:rFonts w:ascii="Courier New" w:hAnsi="Courier New" w:cs="Courier New"/>
        </w:rPr>
        <w:t xml:space="preserve"> \ltrch\fcs0 \i\fs22\insrsid1277861\charrsid538368 .  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1277861 {\rtlch\fcs1 \af0\afs22 \ltrch\fcs0 \fs22\insrsid1277861\charrsid538368 \'c0\</w:t>
      </w:r>
      <w:r w:rsidRPr="00651F56">
        <w:rPr>
          <w:rFonts w:ascii="Courier New" w:hAnsi="Courier New" w:cs="Courier New"/>
        </w:rPr>
        <w:t>'e4\'f0\'e5\'f1 \'cd\'e0\'f5\'ee\'e4\'ea\'e8\'ed\'f1\'ea\'e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'e3\'ee \'f4\'e8\'eb\'e8\'e0\'eb\'e0 \'c0\'ce \'ab\'d1\'d2\'c0\'d2\'d3\'d1\'bb: \'cf\'f0\'e8\'ec\'ee\'f0\'f1\'ea\'e8\'e9 \'ea\'f0\'e0\'e9, \'e3. \'cd\'e0\'f5\'ee\'e4\'ea\'e0, \'f3\'eb. \'cf\'ee</w:t>
      </w:r>
      <w:r w:rsidRPr="00651F56">
        <w:rPr>
          <w:rFonts w:ascii="Courier New" w:hAnsi="Courier New" w:cs="Courier New"/>
        </w:rPr>
        <w:t xml:space="preserve">\'f0\'f2\'ee\'e2\'e0\'ff, 3\'c0 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\'d3\'ef\'ee\'eb\'ed\'ee\'ec\'ee\'f7\'e5\'ed\'ed\'ee\'e5 \'eb\'e8\'f6\'ee \'d0\'e5\'e3\'e8\'f1\'f2\'f0\'e0\'f2\'ee\'f0\'e0: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\'cf\'f0\'e8\'f6 \'d1\'e2\'e5\'f2\'eb\'e0\'ed\'e0 \'c0\'ed\'e0\'f2\'ee\'eb\'fc\'e5\'</w:t>
      </w:r>
      <w:r w:rsidRPr="00651F56">
        <w:rPr>
          <w:rFonts w:ascii="Courier New" w:hAnsi="Courier New" w:cs="Courier New"/>
        </w:rPr>
        <w:t xml:space="preserve">e2\'ed\'e0 (\'e4\'ee\'e2\'e5\'f0\'e5\'ed\'ed\'ee\'f1\'f2\'fc \'b9 66-20 \'ee\'f2 25.02.2020\'e3.).  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\pard \ltrpar\qj \li0\ri0\widctlpar\wrapdefault\aspalpha\aspnum\faauto\adjustright\rin0\lin0\itap0\pararsid10552623 {\rtlch\fcs1 \af0\afs22 \ltrch\</w:t>
      </w:r>
      <w:r w:rsidRPr="00651F56">
        <w:rPr>
          <w:rFonts w:ascii="Courier New" w:hAnsi="Courier New" w:cs="Courier New"/>
        </w:rPr>
        <w:t xml:space="preserve">fcs0 \b\fs22\insrsid6826470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b\fs22\insrsid13459235\charrsid538368 \'cf\'f0\'e5\'e4\'f1\'e5\'e4\'e0\'f2\'e5\'eb\'fc \'f1\'ee\'e1\'f0\'e0\'ed\'e8\'ff: }{\rtlch\fcs1 \af0\afs22 \ltrch\fcs0 \b\fs22\in</w:t>
      </w:r>
      <w:r w:rsidRPr="00651F56">
        <w:rPr>
          <w:rFonts w:ascii="Courier New" w:hAnsi="Courier New" w:cs="Courier New"/>
        </w:rPr>
        <w:t xml:space="preserve">srsid7557897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                                   }{\rtlch\fcs1 \af0\afs22 \ltrch\fcs0 \b\fs22\insrsid13459235\charrsid538368 \'c3\'f0\'e0\'ed\'e0\'f2\'ee\'e2 \'c0.\'c8.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rtlch\fcs1 \af0\afs22 \ltrch\fcs0 \b\fs22\insrsid7158484\char</w:t>
      </w:r>
      <w:r w:rsidRPr="00651F56">
        <w:rPr>
          <w:rFonts w:ascii="Courier New" w:hAnsi="Courier New" w:cs="Courier New"/>
        </w:rPr>
        <w:t xml:space="preserve">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}{\rtlch\fcs1 \af0\afs22 \ltrch\fcs0 \b\fs22\insrsid13459235\charrsid538368 \'d1\'e5\'ea\'f0\'e5\'f2\'e0\'f0\'fc \'f1\'ee\'e1\'f0\'e0\'ed\'e8\'ff:       }{\rtlch\fcs1 \af0\afs22 \ltrch\fcs0 \b\fs22\insrsid7557897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        </w:t>
      </w:r>
      <w:r w:rsidRPr="00651F56">
        <w:rPr>
          <w:rFonts w:ascii="Courier New" w:hAnsi="Courier New" w:cs="Courier New"/>
        </w:rPr>
        <w:t xml:space="preserve">                            }{\rtlch\fcs1 \af0\afs22 \ltrch\fcs0 \b\fs22\insrsid13459235\charrsid538368 \'d1\'e5\'eb\'e8\'e2\'e5\'f0\'f1\'f2\'ee\'e2 \'c0.\'c0.}{\rtlch\fcs1 \af0\afs22 \ltrch\fcs0 \b\fs22\cf6\insrsid13965402\charrsid538368 \tab }{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rtlch\f</w:t>
      </w:r>
      <w:r w:rsidRPr="00651F56">
        <w:rPr>
          <w:rFonts w:ascii="Courier New" w:hAnsi="Courier New" w:cs="Courier New"/>
        </w:rPr>
        <w:t xml:space="preserve">cs1 \af0\afs22 \ltrch\fcs0 \b\fs22\cf6\insrsid397023\charrsid538368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par 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par }{\*\themedata 504b030414000600080000002100e9de0fbfff0000001c020000130000005b436f6e74656e745f54797065735d2e786d6cac91cb4ec3301045f748fc83e52d4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9cb2400825e982c78ec7a27cc0c89</w:t>
      </w:r>
      <w:r w:rsidRPr="00651F56">
        <w:rPr>
          <w:rFonts w:ascii="Courier New" w:hAnsi="Courier New" w:cs="Courier New"/>
        </w:rPr>
        <w:t>92416c9d8b2a755fbf74cd25442a820166c2cd933f79e3be372bd1f07b5c3989ca74aaff2422b24eb1b475da5df374fd9a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5689811a183c61a50f98f4babebc2837878049899a52a57be670674cb23d8e90721f90a4d2fa3802cb35762680fd800ecd7551dc18eb899138e3c943d7e503b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b01d583deee5f99824e290b4b</w:t>
      </w:r>
      <w:r w:rsidRPr="00651F56">
        <w:rPr>
          <w:rFonts w:ascii="Courier New" w:hAnsi="Courier New" w:cs="Courier New"/>
        </w:rPr>
        <w:t>a3f364eac4a430883b3c092d4eca8f946c916422ecab927f52ea42b89a1cd59c254f919b0e85e6535d135a8de20f20b8c12c3b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0c895fcf6720192de6bf3b9e89ecdbd6596cbcdd8eb28e7c365ecc4ec1ff1460f53fe813d3cc7f5b7f020000ffff0300504b030414000600080000002100a5d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a7e7c0000000360100000</w:t>
      </w:r>
      <w:r w:rsidRPr="00651F56">
        <w:rPr>
          <w:rFonts w:ascii="Courier New" w:hAnsi="Courier New" w:cs="Courier New"/>
        </w:rPr>
        <w:t>b0000005f72656c732f2e72656c73848fcf6ac3300c87ef85bd83d17d51d2c31825762fa590432fa37d00e1287f68221bdb1bebdb4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c7060abb0884a4eff7a93dfeae8bf9e194e720169aaa06c3e2433fcb68e1763dbf7f82c985a4a725085b787086a37bdbb55fbc50d1a33ccd311ba548b630951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0f88d94fbc52ae426</w:t>
      </w:r>
      <w:r w:rsidRPr="00651F56">
        <w:rPr>
          <w:rFonts w:ascii="Courier New" w:hAnsi="Courier New" w:cs="Courier New"/>
        </w:rPr>
        <w:t>4d1c910d24a45db3462247fa791715fd71f989e19e0364cd3f51652d73760ae8fa8c9ffb3c330cc9e4fc17faf2ce545046e37944c69e46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a1a82fe353bd90a865aad41ed0b5b8f9d6fd010000ffff0300504b0304140006000800000021006b799616830000008a0000001c0000007468656d652f74686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6d652f7468656</w:t>
      </w:r>
      <w:r w:rsidRPr="00651F56">
        <w:rPr>
          <w:rFonts w:ascii="Courier New" w:hAnsi="Courier New" w:cs="Courier New"/>
        </w:rPr>
        <w:t>d654d616e616765722e786d6c0ccc4d0ac3201040e17da17790d93763bb284562b2cbaebbf600439c1a41c7a0d29fdbd7e5e38337cedf14d59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4b0d592c9c070d8a65cd2e88b7f07c2ca71ba8da481cc52c6ce1c715e6e97818c9b48d13df49c873517d23d59085adb5dd20d6b52bd521ef2cdd5eb9246a3d8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4757e8d3f</w:t>
      </w:r>
      <w:r w:rsidRPr="00651F56">
        <w:rPr>
          <w:rFonts w:ascii="Courier New" w:hAnsi="Courier New" w:cs="Courier New"/>
        </w:rPr>
        <w:t>729e245eb2b260a0238fd010000ffff0300504b030414000600080000002100863ae0a7f0060000be1a0000160000007468656d652f7468656d652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7468656d65312e786d6cec59dd6e134714beafd47758edbdf1dfae7f221c64af6d682180b0a1e272628fbd436677ac9d71828590105c566a559556bd2852db9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5e546</w:t>
      </w:r>
      <w:r w:rsidRPr="00651F56">
        <w:rPr>
          <w:rFonts w:ascii="Courier New" w:hAnsi="Courier New" w:cs="Courier New"/>
        </w:rPr>
        <w:t>d2341d51b7887f00c69a95a2af10a3d336baf67ec49091195a28a444ad6e3ef9cf9e69cb3df99dd397bee76449d5d9c70c2e2865b3c53701d1c0fd890c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e3867bbddfcdd55c870b140f1165316eb833ccdd739befbf77166d881047d801fb986fa0861b0a31d9c8e7f90086113fc3263886ef462c8990808fc9383f4cd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1</w:t>
      </w:r>
      <w:r w:rsidRPr="00651F56">
        <w:rPr>
          <w:rFonts w:ascii="Courier New" w:hAnsi="Courier New" w:cs="Courier New"/>
        </w:rPr>
        <w:t>ef88d68be542854f21122b1ebc42802b707df1dfc72f0f460dfb9321a9101763717fe3b142689059703039af4a477bc30faf6f9fd83fd8367074f0ef69fdf8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eb67f0ff53653bdc294a0b3ee3014d9c5d441b2e4c3d647b7d7c5bb80e455cc0170db7a07edcfce6d93cda981b517184ad66d7553f73bbb9c170a7a4e64cc6d</w:t>
      </w:r>
      <w:r w:rsidRPr="00651F56">
        <w:rPr>
          <w:rFonts w:ascii="Courier New" w:hAnsi="Courier New" w:cs="Courier New"/>
        </w:rPr>
        <w:t>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d9a49ee77b9566e65f01a858c775aa9d4aa792f953003418c0ca532eba4fbf556fb5fd395603a59716dfed6abb5c34f09afff21ae7a62f7f0dbc02a5febd357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b71b40140dbc02a5787f0def79d552e01978054af195357cb5d06c7b5503af402125f1ce1abae057cac162b51964c4e8052bbcee7bdd6a69ee7c89826ac</w:t>
      </w:r>
      <w:r w:rsidRPr="00651F56">
        <w:rPr>
          <w:rFonts w:ascii="Courier New" w:hAnsi="Courier New" w:cs="Courier New"/>
        </w:rPr>
        <w:t>8aa4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4e3162b1386eed45e8164bba60200d29122476c46c82476800851e204ab613e25c22e3100a718262c661b8502a740b65f82b7f3d75a522843630d2ac254f60c6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d786243f870f1232110df743f0ea6a90574f7f7cf5f4b17378ffc9e1fd5f0f1f3c38bcff73eac8b0ba80e2b16ef5f2fbcffe7e74cff9ebf1372f1f7</w:t>
      </w:r>
      <w:r w:rsidRPr="00651F56">
        <w:rPr>
          <w:rFonts w:ascii="Courier New" w:hAnsi="Courier New" w:cs="Courier New"/>
        </w:rPr>
        <w:t>e61c7731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ffb4f1ffff6ec733b1056ba0cc18b2ff7ff78b2ffe2ab4ffefce1a105de4cd0b60eef930873e732de73aeb10816a6426032c7dbc99b59f44344748b663ce62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4672168bff8e080df4e519a2c8826b6133823712901c1bf0fcf49641b8172653412c1e2f869101dc628cb658628dc245399716e6fe341edb274</w:t>
      </w:r>
      <w:r w:rsidRPr="00651F56">
        <w:rPr>
          <w:rFonts w:ascii="Courier New" w:hAnsi="Courier New" w:cs="Courier New"/>
        </w:rPr>
        <w:t>fa63aee1a42b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b6b903141bf9ed4c27a0bdc4e63208b141f32a45b140631c63e1c8efd80ec696d5dd24c488eb1619248cb391706e12a7858835247db26d54d3d2e80289202f3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1b41c8b7119bad1b4e8b51dbaadb78d744c25d81a8857c1f53238ce7d154a0c8e6b28f22aa07fc1212a18d646f960c745c870bc8f41853e</w:t>
      </w:r>
      <w:r w:rsidRPr="00651F56">
        <w:rPr>
          <w:rFonts w:ascii="Courier New" w:hAnsi="Courier New" w:cs="Courier New"/>
        </w:rPr>
        <w:t>6748698739bcd950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d6ab25fd22c88b3ded5b741699c844901d9bcf4b88311dd9663b4188a2890ddb2371a8633fe03b50a2c8b9ca840dbec5cc3b447e863ca0f8c874df20d848f7e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d5e03a28ab4e695920f29b6962c9e579cc8cfaedcde808612535d0080c3d8f48fc5a715f9175ffbf957510d2175f3fb2aceab40a7a3</w:t>
      </w:r>
      <w:r w:rsidRPr="00651F56">
        <w:rPr>
          <w:rFonts w:ascii="Courier New" w:hAnsi="Courier New" w:cs="Courier New"/>
        </w:rPr>
        <w:t>321d63beac28a8c1f855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15ef80254372fab5bb8da6f1550cb7cb7a037b27ddefa4dbfddf4bf751f7f3db17eca546837ccbad62ba75571bf9e8d8fbf811a1b42766145fe26a2bcfa1530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bb3028fda8c75c9c3de74d42b89477364c68e0c60952364ec2c4474484bd104d60bf5f74a593319fbb1e7367c2383c06a861ab6</w:t>
      </w:r>
      <w:r w:rsidRPr="00651F56">
        <w:rPr>
          <w:rFonts w:ascii="Courier New" w:hAnsi="Courier New" w:cs="Courier New"/>
        </w:rPr>
        <w:t>f89a7d3688b0dd3c7d962513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baa662c291588e17fc6c1c1e3d448aae54978f68997bc576ac1ead1704a4ed9b90d0263349942d24aa8b411924f5200f41b390502b7b2b2cea161635e97e91a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3516402dcb0a6ca51cd880355cdf03133082272c44f150e6294df522bb2a996f33d34705d3a800d8572c2a6099e9bae47ae</w:t>
      </w:r>
      <w:r w:rsidRPr="00651F56">
        <w:rPr>
          <w:rFonts w:ascii="Courier New" w:hAnsi="Courier New" w:cs="Courier New"/>
        </w:rPr>
        <w:t>4f2e4ead2523b46a60d125ab9992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5464544fe3211ae27975cad1e3d078d35cd7972935e8c950a8f9a0b49634aab57f6371d25c83ddaa36d058570a1a3b7b0db752f6a1640668d27047f01a002ea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09d40e975b6044c7f0ba6d2092f4863f89b24c122eda888769c095e8a46a101181138792a8e1cae56769a0b1d210c5a</w:t>
      </w:r>
      <w:r w:rsidRPr="00651F56">
        <w:rPr>
          <w:rFonts w:ascii="Courier New" w:hAnsi="Courier New" w:cs="Courier New"/>
        </w:rPr>
        <w:t>d58024138b5e4ea202ba78d1c24dd4c3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1e8df040e869d74664a4d38fa0f0a95658bf55e627074b4b368574f7c2e19eb34da7c9350425e6578b328043c2e16d50318de690c0ebce4cc896f5b7d298e6b2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abbf6f5435948e233a09d1bca3e8629ec295946774d4a72c06daa7f99a21a05a48e68d707b2c1bac1e54a39b665</w:t>
      </w:r>
      <w:r w:rsidRPr="00651F56">
        <w:rPr>
          <w:rFonts w:ascii="Courier New" w:hAnsi="Courier New" w:cs="Courier New"/>
        </w:rPr>
        <w:t>d23e57064d77dbd918c9c269acb9e69a88ae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9a7615336658b48195589eacc96bac1621064dd33b7c2addab925b5f68ddca3e21eb1210f02c7e96ae7b8c86a0515b4e6650938cd765586af67cd4ec1d8b05b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86da719a84a6fa9585db95b8653dc23a1d0c9ea8f383dd6ad5c2d068b1cf5491564725fa5106dbbe05e2d18</w:t>
      </w:r>
      <w:r w:rsidRPr="00651F56">
        <w:rPr>
          <w:rFonts w:ascii="Courier New" w:hAnsi="Courier New" w:cs="Courier New"/>
        </w:rPr>
        <w:t>697c2532ab84a251c4c240836443db5274965036e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91db627e6bc095334d48c3bd53f09b5e50f2835ca1e677725ed92be46a7eb39c6bfa7eb9d8f18b8576ab74171a8b08a3a29f1ed374e1d5149dcd0f6bd4f8da8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4db478fb7666c0a23c53e73079455c1dd8144bc6814d7a4ee3f4e5718ceb10109d3b9552b75eaeb72ab</w:t>
      </w:r>
      <w:r w:rsidRPr="00651F56">
        <w:rPr>
          <w:rFonts w:ascii="Courier New" w:hAnsi="Courier New" w:cs="Courier New"/>
        </w:rPr>
        <w:t>97ab9d9cd79ed562d570f2aad5cbb1254dbdd76e0d7ea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ddbbaeb3abc05eb31c78954e2d57290641ceab1424fd5a3d57f54aa5a6576dd63a5ef3ee7c1b032b4fe5631e0b08afe2b5f90f000000ffff0300504b0304140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06000800000021000dd1909fb60000001b010000270000007468656d652f7468656d652f5f72656</w:t>
      </w:r>
      <w:r w:rsidRPr="00651F56">
        <w:rPr>
          <w:rFonts w:ascii="Courier New" w:hAnsi="Courier New" w:cs="Courier New"/>
        </w:rPr>
        <w:t>c732f7468656d654d616e616765722e786d6c2e72656c738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8f4d0ac2301484f78277086f6fd3ba109126dd88d0add40384e4350d363f2451eced0dae2c082e8761be9969bb979dc9136332de3168aa1a083ae995719ac16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b8ec8e4052164e89d93b64b060828e6f37ed1567914b284d262452282e3198720e274a939cd</w:t>
      </w:r>
      <w:r w:rsidRPr="00651F56">
        <w:rPr>
          <w:rFonts w:ascii="Courier New" w:hAnsi="Courier New" w:cs="Courier New"/>
        </w:rPr>
        <w:t>08a54f980ae38a38f56e422a3a641c8bbd048f7757da0f19b017c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c524bd62107bd5001996509affb3fd381a89672f1f165dfe514173d9850528a2c6cce0239baa4c04ca5bbabac4df000000ffff0300504b01022d001400060008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0000002100e9de0fbfff0000001c0200001300000000000000000000000000000000005</w:t>
      </w:r>
      <w:r w:rsidRPr="00651F56">
        <w:rPr>
          <w:rFonts w:ascii="Courier New" w:hAnsi="Courier New" w:cs="Courier New"/>
        </w:rPr>
        <w:t>b436f6e74656e745f54797065735d2e786d6c504b01022d001400060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080000002100a5d6a7e7c0000000360100000b00000000000000000000000000300100005f72656c732f2e72656c73504b01022d00140006000800000021006b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799616830000008a0000001c00000000000000000000000000190200007468656d6</w:t>
      </w:r>
      <w:r w:rsidRPr="00651F56">
        <w:rPr>
          <w:rFonts w:ascii="Courier New" w:hAnsi="Courier New" w:cs="Courier New"/>
        </w:rPr>
        <w:t>52f7468656d652f7468656d654d616e616765722e786d6c504b01022d0014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000600080000002100863ae0a7f0060000be1a00001600000000000000000000000000d60200007468656d652f7468656d652f7468656d65312e786d6c504b01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022d00140006000800000021000dd1909fb60000001b0100002700000000000</w:t>
      </w:r>
      <w:r w:rsidRPr="00651F56">
        <w:rPr>
          <w:rFonts w:ascii="Courier New" w:hAnsi="Courier New" w:cs="Courier New"/>
        </w:rPr>
        <w:t>000000000000000fa0900007468656d652f7468656d652f5f72656c732f7468656d654d616e616765722e786d6c2e72656c73504b050600000000050005005d010000f50a00000000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*\colorschememapping 3c3f786d6c2076657273696f6e3d22312e302220656e636f64696e673d225554462d3822207374616e646</w:t>
      </w:r>
      <w:r w:rsidRPr="00651F56">
        <w:rPr>
          <w:rFonts w:ascii="Courier New" w:hAnsi="Courier New" w:cs="Courier New"/>
        </w:rPr>
        <w:t>16c6f6e653d22796573223f3e0d0a3c613a636c724d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617020786d6c6e733a613d22687474703a2f2f736368656d61732e6f70656e786d6c666f726d6174732e6f72672f64726177696e676d6c2f323030362f6d6169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6e22206267313d226c743122207478313d22646b3122206267323d226c743222207478323d22646b3</w:t>
      </w:r>
      <w:r w:rsidRPr="00651F56">
        <w:rPr>
          <w:rFonts w:ascii="Courier New" w:hAnsi="Courier New" w:cs="Courier New"/>
        </w:rPr>
        <w:t>22220616363656e74313d22616363656e74312220616363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656e74323d22616363656e74322220616363656e74333d22616363656e74332220616363656e74343d22616363656e74342220616363656e74353d22616363656e74352220616363656e74363d22616363656e74362220686c696e6b3d22686c696e6b2220666f6</w:t>
      </w:r>
      <w:r w:rsidRPr="00651F56">
        <w:rPr>
          <w:rFonts w:ascii="Courier New" w:hAnsi="Courier New" w:cs="Courier New"/>
        </w:rPr>
        <w:t>c486c696e6b3d22666f6c486c696e6b222f3e}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{\*\latentstyles\lsdstimax371\lsdlockeddef0\lsdsemihiddendef0\lsdunhideuseddef0\lsdqformatdef0\lsdprioritydef99{\lsdlockedexcept \lsdqformat1 \lsdpriority0 Normal;\lsdqformat1 heading 1;\lsdqformat1 heading 2;\lsdqfo</w:t>
      </w:r>
      <w:r w:rsidRPr="00651F56">
        <w:rPr>
          <w:rFonts w:ascii="Courier New" w:hAnsi="Courier New" w:cs="Courier New"/>
        </w:rPr>
        <w:t>rmat1 heading 3;\lsdqformat1 heading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qformat1 heading 5;\lsdsemihidden1 \lsdunhideused1 \lsdqformat1 heading 6;\lsdsemihidden1 \lsdunhideused1 \lsdqformat1 heading 7;\lsdsemihidden1 \lsdunhideused1 \lsdqformat1 heading 8;\lsdsemihidden1 \lsdunhideu</w:t>
      </w:r>
      <w:r w:rsidRPr="00651F56">
        <w:rPr>
          <w:rFonts w:ascii="Courier New" w:hAnsi="Courier New" w:cs="Courier New"/>
        </w:rPr>
        <w:t>sed1 \lsdqformat1 heading 9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index 1;\lsdsemihidden1 \lsdunhideused1 \lsdlocked0 index 2;\lsdsemihidden1 \lsdunhideused1 \lsdlocked0 index 3;\lsdsemihidden1 \lsdunhideused1 \lsdlocked0 index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sdsemihidden1 </w:t>
      </w:r>
      <w:r w:rsidRPr="00651F56">
        <w:rPr>
          <w:rFonts w:ascii="Courier New" w:hAnsi="Courier New" w:cs="Courier New"/>
        </w:rPr>
        <w:t>\lsdunhideused1 \lsdlocked0 index 5;\lsdsemihidden1 \lsdunhideused1 \lsdlocked0 index 6;\lsdsemihidden1 \lsdunhideused1 \lsdlocked0 index 7;\lsdsemihidden1 \lsdunhideused1 \lsdlocked0 index 8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index 9;\lsdpriori</w:t>
      </w:r>
      <w:r w:rsidRPr="00651F56">
        <w:rPr>
          <w:rFonts w:ascii="Courier New" w:hAnsi="Courier New" w:cs="Courier New"/>
        </w:rPr>
        <w:t>ty0 toc 1;\lsdpriority0 toc 2;\lsdpriority0 toc 3;\lsdpriority0 toc 4;\lsdpriority0 toc 5;\lsdpriority0 toc 6;\lsdpriority0 toc 7;\lsdpriority0 toc 8;\lsdpriority0 toc 9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Normal Indent;\lsdsemihidden1 \lsdunhide</w:t>
      </w:r>
      <w:r w:rsidRPr="00651F56">
        <w:rPr>
          <w:rFonts w:ascii="Courier New" w:hAnsi="Courier New" w:cs="Courier New"/>
        </w:rPr>
        <w:t>used1 \lsdlocked0 footnote text;\lsdsemihidden1 \lsdunhideused1 \lsdpriority0 \lsdlocked0 annotation text;\lsdsemihidden1 \lsdunhideused1 \lsdlocked0 header;footer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sdsemihidden1 \lsdunhideused1 \lsdlocked0 index heading;\lsdsemihidden1 \lsdunhideused1 </w:t>
      </w:r>
      <w:r w:rsidRPr="00651F56">
        <w:rPr>
          <w:rFonts w:ascii="Courier New" w:hAnsi="Courier New" w:cs="Courier New"/>
        </w:rPr>
        <w:t>\lsdqformat1 \lsdpriority0 caption;\lsdsemihidden1 \lsdunhideused1 \lsdlocked0 table of figures;\lsdsemihidden1 \lsdunhideused1 \lsdlocked0 envelope address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envelope return;\lsdsemihidden1 \lsdunhideused1 \lsdl</w:t>
      </w:r>
      <w:r w:rsidRPr="00651F56">
        <w:rPr>
          <w:rFonts w:ascii="Courier New" w:hAnsi="Courier New" w:cs="Courier New"/>
        </w:rPr>
        <w:t>ocked0 footnote reference;\lsdsemihidden1 \lsdunhideused1 \lsdlocked0 annotation reference;\lsdsemihidden1 \lsdunhideused1 \lsdlocked0 line number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0 page number;\lsdsemihidden1 \lsdunhideused1 \lsdlocked0 endnote reference;\lsdsemihidden1 \ls</w:t>
      </w:r>
      <w:r w:rsidRPr="00651F56">
        <w:rPr>
          <w:rFonts w:ascii="Courier New" w:hAnsi="Courier New" w:cs="Courier New"/>
        </w:rPr>
        <w:t>dunhideused1 \lsdlocked0 endnote text;\lsdsemihidden1 \lsdunhideused1 \lsdlocked0 table of authorities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macro;\lsdsemihidden1 \lsdunhideused1 \lsdlocked0 toa heading;\lsdsemihidden1 \lsdunhideused1 \lsdlocked0 L</w:t>
      </w:r>
      <w:r w:rsidRPr="00651F56">
        <w:rPr>
          <w:rFonts w:ascii="Courier New" w:hAnsi="Courier New" w:cs="Courier New"/>
        </w:rPr>
        <w:t>ist;\lsdsemihidden1 \lsdunhideused1 \lsdlocked0 List Bullet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List Number;\lsdsemihidden1 \lsdunhideused1 \lsdlocked0 List 2;\lsdsemihidden1 \lsdunhideused1 \lsdlocked0 List 3;\lsdsemihidden1 \lsdunhideused1 \lsd</w:t>
      </w:r>
      <w:r w:rsidRPr="00651F56">
        <w:rPr>
          <w:rFonts w:ascii="Courier New" w:hAnsi="Courier New" w:cs="Courier New"/>
        </w:rPr>
        <w:t>locked0 List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List 5;\lsdsemihidden1 \lsdunhideused1 \lsdlocked0 List Bullet 2;\lsdsemihidden1 \lsdunhideused1 \lsdlocked0 List Bullet 3;\lsdsemihidden1 \lsdunhideused1 \lsdlocked0 List Bullet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</w:t>
      </w:r>
      <w:r w:rsidRPr="00651F56">
        <w:rPr>
          <w:rFonts w:ascii="Courier New" w:hAnsi="Courier New" w:cs="Courier New"/>
        </w:rPr>
        <w:t>en1 \lsdunhideused1 \lsdlocked0 List Bullet 5;\lsdsemihidden1 \lsdunhideused1 \lsdlocked0 List Number 2;\lsdsemihidden1 \lsdunhideused1 \lsdlocked0 List Number 3;\lsdsemihidden1 \lsdunhideused1 \lsdlocked0 List Number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</w:t>
      </w:r>
      <w:r w:rsidRPr="00651F56">
        <w:rPr>
          <w:rFonts w:ascii="Courier New" w:hAnsi="Courier New" w:cs="Courier New"/>
        </w:rPr>
        <w:t>sdlocked0 List Number 5;\lsdqformat1 \lsdpriority0 Title;\lsdsemihidden1 \lsdunhideused1 \lsdlocked0 Closing;\lsdsemihidden1 \lsdunhideused1 \lsdlocked0 Signature;\lsdpriority0 Default Paragraph Font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0 Body Text;\lsdsemihidden1 \lsdunhideused</w:t>
      </w:r>
      <w:r w:rsidRPr="00651F56">
        <w:rPr>
          <w:rFonts w:ascii="Courier New" w:hAnsi="Courier New" w:cs="Courier New"/>
        </w:rPr>
        <w:t>1 \lsdlocked0 Body Text Indent;\lsdsemihidden1 \lsdunhideused1 \lsdlocked0 List Continue;\lsdsemihidden1 \lsdunhideused1 \lsdlocked0 List Continue 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List Continue 3;\lsdsemihidden1 \lsdunhideused1 \lsdlocked0 L</w:t>
      </w:r>
      <w:r w:rsidRPr="00651F56">
        <w:rPr>
          <w:rFonts w:ascii="Courier New" w:hAnsi="Courier New" w:cs="Courier New"/>
        </w:rPr>
        <w:t>ist Continue 4;\lsdsemihidden1 \lsdunhideused1 \lsdlocked0 List Continue 5;\lsdsemihidden1 \lsdunhideused1 \lsdlocked0 Message Header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qformat1 \lsdpriority0 Subtitle;\lsdsemihidden1 \lsdunhideused1 \lsdlocked0 Salutation;\lsdsemihidden1 \lsdunhideuse</w:t>
      </w:r>
      <w:r w:rsidRPr="00651F56">
        <w:rPr>
          <w:rFonts w:ascii="Courier New" w:hAnsi="Courier New" w:cs="Courier New"/>
        </w:rPr>
        <w:t>d1 \lsdlocked0 Date;\lsdsemihidden1 \lsdunhideused1 \lsdlocked0 Body Text First Indent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Body Text First Indent 2;\lsdsemihidden1 \lsdunhideused1 \lsdlocked0 Note Heading;\lsdsemihidden1 \lsdunhideused1 \lsdlocke</w:t>
      </w:r>
      <w:r w:rsidRPr="00651F56">
        <w:rPr>
          <w:rFonts w:ascii="Courier New" w:hAnsi="Courier New" w:cs="Courier New"/>
        </w:rPr>
        <w:t>d0 Body Text 2;\lsdpriority0 Body Text 3;\lsdpriority0 Body Text Indent 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Body Text Indent 3;\lsdsemihidden1 \lsdunhideused1 \lsdlocked0 Block Text;\lsdsemihidden1 \lsdunhideused1 \lsdpriority0 \lsdlocked0 Hype</w:t>
      </w:r>
      <w:r w:rsidRPr="00651F56">
        <w:rPr>
          <w:rFonts w:ascii="Courier New" w:hAnsi="Courier New" w:cs="Courier New"/>
        </w:rPr>
        <w:t>rlink;\lsdsemihidden1 \lsdunhideused1 \lsdlocked0 FollowedHyperlink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qformat1 \lsdpriority0 Strong;\lsdqformat1 \lsdpriority0 Emphasis;\lsdsemihidden1 \lsdunhideused1 \lsdlocked0 Document Map;\lsdsemihidden1 \lsdunhideused1 \lsdlocked0 Plain Text;\lsd</w:t>
      </w:r>
      <w:r w:rsidRPr="00651F56">
        <w:rPr>
          <w:rFonts w:ascii="Courier New" w:hAnsi="Courier New" w:cs="Courier New"/>
        </w:rPr>
        <w:t>semihidden1 \lsdunhideused1 \lsdlocked0 E-mail Signature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HTML Top of Form;\lsdsemihidden1 \lsdunhideused1 \lsdlocked0 HTML Bottom of Form;\lsdsemihidden1 \lsdunhideused1 \lsdlocked0 Normal (Web);\lsdsemihidden1</w:t>
      </w:r>
      <w:r w:rsidRPr="00651F56">
        <w:rPr>
          <w:rFonts w:ascii="Courier New" w:hAnsi="Courier New" w:cs="Courier New"/>
        </w:rPr>
        <w:t xml:space="preserve"> \lsdunhideused1 \lsdlocked0 HTML Acronym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HTML Address;\lsdsemihidden1 \lsdunhideused1 \lsdlocked0 HTML Cite;\lsdsemihidden1 \lsdunhideused1 \lsdlocked0 HTML Code;\lsdsemihidden1 \lsdunhideused1 \lsdlocked0 HTM</w:t>
      </w:r>
      <w:r w:rsidRPr="00651F56">
        <w:rPr>
          <w:rFonts w:ascii="Courier New" w:hAnsi="Courier New" w:cs="Courier New"/>
        </w:rPr>
        <w:t>L Definition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eused1 \lsdlocked0 HTML Keyboard;\lsdsemihidden1 \lsdunhideused1 \lsdlocked0 HTML Preformatted;\lsdsemihidden1 \lsdunhideused1 \lsdlocked0 HTML Sample;\lsdsemihidden1 \lsdunhideused1 \lsdlocked0 HTML Typewriter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</w:t>
      </w:r>
      <w:r w:rsidRPr="00651F56">
        <w:rPr>
          <w:rFonts w:ascii="Courier New" w:hAnsi="Courier New" w:cs="Courier New"/>
        </w:rPr>
        <w:t>dsemihidden1 \lsdunhideused1 \lsdlocked0 HTML Variable;\lsdsemihidden1 \lsdunhideused1 \lsdlocked0 annotation subject;\lsdsemihidden1 \lsdunhideused1 \lsdlocked0 No List;\lsdsemihidden1 \lsdunhideused1 \lsdlocked0 Outline List 1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nhid</w:t>
      </w:r>
      <w:r w:rsidRPr="00651F56">
        <w:rPr>
          <w:rFonts w:ascii="Courier New" w:hAnsi="Courier New" w:cs="Courier New"/>
        </w:rPr>
        <w:t>eused1 \lsdlocked0 Outline List 2;\lsdsemihidden1 \lsdunhideused1 \lsdlocked0 Outline List 3;\lsdsemihidden1 \lsdunhideused1 \lsdlocked0 Balloon Text;\lsdpriority0 Table Grid;\lsdsemihidden1 \lsdlocked0 Placeholder Text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qformat1 \lsdpriority1 \lsdloc</w:t>
      </w:r>
      <w:r w:rsidRPr="00651F56">
        <w:rPr>
          <w:rFonts w:ascii="Courier New" w:hAnsi="Courier New" w:cs="Courier New"/>
        </w:rPr>
        <w:t>ked0 No Spacing;\lsdpriority60 \lsdlocked0 Light Shading;\lsdpriority61 \lsdlocked0 Light List;\lsdpriority62 \lsdlocked0 Light Grid;\lsdpriority63 \lsdlocked0 Medium Shading 1;\lsdpriority64 \lsdlocked0 Medium Shading 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65 \lsdlocked0 Medium</w:t>
      </w:r>
      <w:r w:rsidRPr="00651F56">
        <w:rPr>
          <w:rFonts w:ascii="Courier New" w:hAnsi="Courier New" w:cs="Courier New"/>
        </w:rPr>
        <w:t xml:space="preserve"> List 1;\lsdpriority66 \lsdlocked0 Medium List 2;\lsdpriority67 \lsdlocked0 Medium Grid 1;\lsdpriority68 \lsdlocked0 Medium Grid 2;\lsdpriority69 \lsdlocked0 Medium Grid 3;\lsdpriority70 \lsdlocked0 Dark List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71 \lsdlocked0 Colorful Shading;\</w:t>
      </w:r>
      <w:r w:rsidRPr="00651F56">
        <w:rPr>
          <w:rFonts w:ascii="Courier New" w:hAnsi="Courier New" w:cs="Courier New"/>
        </w:rPr>
        <w:t>lsdpriority72 \lsdlocked0 Colorful List;\lsdpriority73 \lsdlocked0 Colorful Grid;\lsdpriority60 \lsdlocked0 Light Shading Accent 1;\lsdpriority61 \lsdlocked0 Light List Accent 1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62 \lsdlocked0 Light Grid Accent 1;\lsdpriority63 \lsdlocked0 Me</w:t>
      </w:r>
      <w:r w:rsidRPr="00651F56">
        <w:rPr>
          <w:rFonts w:ascii="Courier New" w:hAnsi="Courier New" w:cs="Courier New"/>
        </w:rPr>
        <w:t>dium Shading 1 Accent 1;\lsdpriority64 \lsdlocked0 Medium Shading 2 Accent 1;\lsdpriority65 \lsdlocked0 Medium List 1 Accent 1;\lsdsemihidden1 \lsdlocked0 Revision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qformat1 \lsdlocked0 List Paragraph;\lsdqformat1 \lsdpriority29 \lsdlocked0 Quote;\lsd</w:t>
      </w:r>
      <w:r w:rsidRPr="00651F56">
        <w:rPr>
          <w:rFonts w:ascii="Courier New" w:hAnsi="Courier New" w:cs="Courier New"/>
        </w:rPr>
        <w:t>qformat1 \lsdpriority30 \lsdlocked0 Intense Quote;\lsdpriority66 \lsdlocked0 Medium List 2 Accent 1;\lsdpriority67 \lsdlocked0 Medium Grid 1 Accent 1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68 \lsdlocked0 Medium Grid 2 Accent 1;\lsdpriority69 \lsdlocked0 Medium Grid 3 Accent 1;\lsd</w:t>
      </w:r>
      <w:r w:rsidRPr="00651F56">
        <w:rPr>
          <w:rFonts w:ascii="Courier New" w:hAnsi="Courier New" w:cs="Courier New"/>
        </w:rPr>
        <w:t>priority70 \lsdlocked0 Dark List Accent 1;\lsdpriority71 \lsdlocked0 Colorful Shading Accent 1;\lsdpriority72 \lsdlocked0 Colorful List Accent 1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73 \lsdlocked0 Colorful Grid Accent 1;\lsdpriority60 \lsdlocked0 Light Shading Accent 2;\lsdprior</w:t>
      </w:r>
      <w:r w:rsidRPr="00651F56">
        <w:rPr>
          <w:rFonts w:ascii="Courier New" w:hAnsi="Courier New" w:cs="Courier New"/>
        </w:rPr>
        <w:t>ity61 \lsdlocked0 Light List Accent 2;\lsdpriority62 \lsdlocked0 Light Grid Accent 2;\lsdpriority63 \lsdlocked0 Medium Shading 1 Accent 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64 \lsdlocked0 Medium Shading 2 Accent 2;\lsdpriority65 \lsdlocked0 Medium List 1 Accent 2;\lsdpriority6</w:t>
      </w:r>
      <w:r w:rsidRPr="00651F56">
        <w:rPr>
          <w:rFonts w:ascii="Courier New" w:hAnsi="Courier New" w:cs="Courier New"/>
        </w:rPr>
        <w:t>6 \lsdlocked0 Medium List 2 Accent 2;\lsdpriority67 \lsdlocked0 Medium Grid 1 Accent 2;\lsdpriority68 \lsdlocked0 Medium Grid 2 Accent 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69 \lsdlocked0 Medium Grid 3 Accent 2;\lsdpriority70 \lsdlocked0 Dark List Accent 2;\lsdpriority71 \lsdlo</w:t>
      </w:r>
      <w:r w:rsidRPr="00651F56">
        <w:rPr>
          <w:rFonts w:ascii="Courier New" w:hAnsi="Courier New" w:cs="Courier New"/>
        </w:rPr>
        <w:t>cked0 Colorful Shading Accent 2;\lsdpriority72 \lsdlocked0 Colorful List Accent 2;\lsdpriority73 \lsdlocked0 Colorful Grid Accent 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60 \lsdlocked0 Light Shading Accent 3;\lsdpriority61 \lsdlocked0 Light List Accent 3;\lsdpriority62 \lsdlocked</w:t>
      </w:r>
      <w:r w:rsidRPr="00651F56">
        <w:rPr>
          <w:rFonts w:ascii="Courier New" w:hAnsi="Courier New" w:cs="Courier New"/>
        </w:rPr>
        <w:t>0 Light Grid Accent 3;\lsdpriority63 \lsdlocked0 Medium Shading 1 Accent 3;\lsdpriority64 \lsdlocked0 Medium Shading 2 Accent 3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65 \lsdlocked0 Medium List 1 Accent 3;\lsdpriority66 \lsdlocked0 Medium List 2 Accent 3;\lsdpriority67 \lsdlocked0</w:t>
      </w:r>
      <w:r w:rsidRPr="00651F56">
        <w:rPr>
          <w:rFonts w:ascii="Courier New" w:hAnsi="Courier New" w:cs="Courier New"/>
        </w:rPr>
        <w:t xml:space="preserve"> Medium Grid 1 Accent 3;\lsdpriority68 \lsdlocked0 Medium Grid 2 Accent 3;\lsdpriority69 \lsdlocked0 Medium Grid 3 Accent 3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70 \lsdlocked0 Dark List Accent 3;\lsdpriority71 \lsdlocked0 Colorful Shading Accent 3;\lsdpriority72 \lsdlocked0 Colo</w:t>
      </w:r>
      <w:r w:rsidRPr="00651F56">
        <w:rPr>
          <w:rFonts w:ascii="Courier New" w:hAnsi="Courier New" w:cs="Courier New"/>
        </w:rPr>
        <w:t>rful List Accent 3;\lsdpriority73 \lsdlocked0 Colorful Grid Accent 3;\lsdpriority60 \lsdlocked0 Light Shading Accent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61 \lsdlocked0 Light List Accent 4;\lsdpriority62 \lsdlocked0 Light Grid Accent 4;\lsdpriority63 \lsdlocked0 Medium Shading</w:t>
      </w:r>
      <w:r w:rsidRPr="00651F56">
        <w:rPr>
          <w:rFonts w:ascii="Courier New" w:hAnsi="Courier New" w:cs="Courier New"/>
        </w:rPr>
        <w:t xml:space="preserve"> 1 Accent 4;\lsdpriority64 \lsdlocked0 Medium Shading 2 Accent 4;\lsdpriority65 \lsdlocked0 Medium List 1 Accent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sdpriority66 \lsdlocked0 Medium List 2 Accent 4;\lsdpriority67 \lsdlocked0 Medium Grid 1 Accent 4;\lsdpriority68 \lsdlocked0 Medium Grid </w:t>
      </w:r>
      <w:r w:rsidRPr="00651F56">
        <w:rPr>
          <w:rFonts w:ascii="Courier New" w:hAnsi="Courier New" w:cs="Courier New"/>
        </w:rPr>
        <w:t>2 Accent 4;\lsdpriority69 \lsdlocked0 Medium Grid 3 Accent 4;\lsdpriority70 \lsdlocked0 Dark List Accent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71 \lsdlocked0 Colorful Shading Accent 4;\lsdpriority72 \lsdlocked0 Colorful List Accent 4;\lsdpriority73 \lsdlocked0 Colorful Grid Acc</w:t>
      </w:r>
      <w:r w:rsidRPr="00651F56">
        <w:rPr>
          <w:rFonts w:ascii="Courier New" w:hAnsi="Courier New" w:cs="Courier New"/>
        </w:rPr>
        <w:t>ent 4;\lsdpriority60 \lsdlocked0 Light Shading Accent 5;\lsdpriority61 \lsdlocked0 Light List Accent 5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sdpriority62 \lsdlocked0 Light Grid Accent 5;\lsdpriority63 \lsdlocked0 Medium Shading 1 Accent 5;\lsdpriority64 \lsdlocked0 Medium Shading 2 Accent </w:t>
      </w:r>
      <w:r w:rsidRPr="00651F56">
        <w:rPr>
          <w:rFonts w:ascii="Courier New" w:hAnsi="Courier New" w:cs="Courier New"/>
        </w:rPr>
        <w:t>5;\lsdpriority65 \lsdlocked0 Medium List 1 Accent 5;\lsdpriority66 \lsdlocked0 Medium List 2 Accent 5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67 \lsdlocked0 Medium Grid 1 Accent 5;\lsdpriority68 \lsdlocked0 Medium Grid 2 Accent 5;\lsdpriority69 \lsdlocked0 Medium Grid 3 Accent 5;\l</w:t>
      </w:r>
      <w:r w:rsidRPr="00651F56">
        <w:rPr>
          <w:rFonts w:ascii="Courier New" w:hAnsi="Courier New" w:cs="Courier New"/>
        </w:rPr>
        <w:t>sdpriority70 \lsdlocked0 Dark List Accent 5;\lsdpriority71 \lsdlocked0 Colorful Shading Accent 5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72 \lsdlocked0 Colorful List Accent 5;\lsdpriority73 \lsdlocked0 Colorful Grid Accent 5;\lsdpriority60 \lsdlocked0 Light Shading Accent 6;\lsdpri</w:t>
      </w:r>
      <w:r w:rsidRPr="00651F56">
        <w:rPr>
          <w:rFonts w:ascii="Courier New" w:hAnsi="Courier New" w:cs="Courier New"/>
        </w:rPr>
        <w:t>ority61 \lsdlocked0 Light List Accent 6;\lsdpriority62 \lsdlocked0 Light Grid Accent 6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63 \lsdlocked0 Medium Shading 1 Accent 6;\lsdpriority64 \lsdlocked0 Medium Shading 2 Accent 6;\lsdpriority65 \lsdlocked0 Medium List 1 Accent 6;\lsdpriorit</w:t>
      </w:r>
      <w:r w:rsidRPr="00651F56">
        <w:rPr>
          <w:rFonts w:ascii="Courier New" w:hAnsi="Courier New" w:cs="Courier New"/>
        </w:rPr>
        <w:t>y66 \lsdlocked0 Medium List 2 Accent 6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67 \lsdlocked0 Medium Grid 1 Accent 6;\lsdpriority68 \lsdlocked0 Medium Grid 2 Accent 6;\lsdpriority69 \lsdlocked0 Medium Grid 3 Accent 6;\lsdpriority70 \lsdlocked0 Dark List Accent 6;\lsdpriority71 \lsd</w:t>
      </w:r>
      <w:r w:rsidRPr="00651F56">
        <w:rPr>
          <w:rFonts w:ascii="Courier New" w:hAnsi="Courier New" w:cs="Courier New"/>
        </w:rPr>
        <w:t>locked0 Colorful Shading Accent 6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72 \lsdlocked0 Colorful List Accent 6;\lsdpriority73 \lsdlocked0 Colorful Grid Accent 6;\lsdqformat1 \lsdpriority19 \lsdlocked0 Subtle Emphasis;\lsdqformat1 \lsdpriority21 \lsdlocked0 Intense Emphasis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q</w:t>
      </w:r>
      <w:r w:rsidRPr="00651F56">
        <w:rPr>
          <w:rFonts w:ascii="Courier New" w:hAnsi="Courier New" w:cs="Courier New"/>
        </w:rPr>
        <w:t>format1 \lsdpriority31 \lsdlocked0 Subtle Reference;\lsdqformat1 \lsdpriority32 \lsdlocked0 Intense Reference;\lsdqformat1 \lsdpriority33 \lsdlocked0 Book Title;\lsdsemihidden1 \lsdunhideused1 \lsdpriority37 \lsdlocked0 Bibliography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semihidden1 \lsdu</w:t>
      </w:r>
      <w:r w:rsidRPr="00651F56">
        <w:rPr>
          <w:rFonts w:ascii="Courier New" w:hAnsi="Courier New" w:cs="Courier New"/>
        </w:rPr>
        <w:t>nhideused1 \lsdqformat1 \lsdpriority39 \lsdlocked0 TOC Heading;\lsdpriority41 \lsdlocked0 Plain Table 1;\lsdpriority42 \lsdlocked0 Plain Table 2;\lsdpriority43 \lsdlocked0 Plain Table 3;\lsdpriority44 \lsdlocked0 Plain Table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sdpriority45 \lsdlocked0 </w:t>
      </w:r>
      <w:r w:rsidRPr="00651F56">
        <w:rPr>
          <w:rFonts w:ascii="Courier New" w:hAnsi="Courier New" w:cs="Courier New"/>
        </w:rPr>
        <w:t>Plain Table 5;\lsdpriority40 \lsdlocked0 Grid Table Light;\lsdpriority46 \lsdlocked0 Grid Table 1 Light;\lsdpriority47 \lsdlocked0 Grid Table 2;\lsdpriority48 \lsdlocked0 Grid Table 3;\lsdpriority49 \lsdlocked0 Grid Table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50 \lsdlocked0 Gri</w:t>
      </w:r>
      <w:r w:rsidRPr="00651F56">
        <w:rPr>
          <w:rFonts w:ascii="Courier New" w:hAnsi="Courier New" w:cs="Courier New"/>
        </w:rPr>
        <w:t>d Table 5 Dark;\lsdpriority51 \lsdlocked0 Grid Table 6 Colorful;\lsdpriority52 \lsdlocked0 Grid Table 7 Colorful;\lsdpriority46 \lsdlocked0 Grid Table 1 Light Accent 1;\lsdpriority47 \lsdlocked0 Grid Table 2 Accent 1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8 \lsdlocked0 Grid Table</w:t>
      </w:r>
      <w:r w:rsidRPr="00651F56">
        <w:rPr>
          <w:rFonts w:ascii="Courier New" w:hAnsi="Courier New" w:cs="Courier New"/>
        </w:rPr>
        <w:t xml:space="preserve"> 3 Accent 1;\lsdpriority49 \lsdlocked0 Grid Table 4 Accent 1;\lsdpriority50 \lsdlocked0 Grid Table 5 Dark Accent 1;\lsdpriority51 \lsdlocked0 Grid Table 6 Colorful Accent 1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52 \lsdlocked0 Grid Table 7 Colorful Accent 1;\lsdpriority46 \lsdlock</w:t>
      </w:r>
      <w:r w:rsidRPr="00651F56">
        <w:rPr>
          <w:rFonts w:ascii="Courier New" w:hAnsi="Courier New" w:cs="Courier New"/>
        </w:rPr>
        <w:t>ed0 Grid Table 1 Light Accent 2;\lsdpriority47 \lsdlocked0 Grid Table 2 Accent 2;\lsdpriority48 \lsdlocked0 Grid Table 3 Accent 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9 \lsdlocked0 Grid Table 4 Accent 2;\lsdpriority50 \lsdlocked0 Grid Table 5 Dark Accent 2;\lsdpriority51 \lsdlo</w:t>
      </w:r>
      <w:r w:rsidRPr="00651F56">
        <w:rPr>
          <w:rFonts w:ascii="Courier New" w:hAnsi="Courier New" w:cs="Courier New"/>
        </w:rPr>
        <w:t>cked0 Grid Table 6 Colorful Accent 2;\lsdpriority52 \lsdlocked0 Grid Table 7 Colorful Accent 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6 \lsdlocked0 Grid Table 1 Light Accent 3;\lsdpriority47 \lsdlocked0 Grid Table 2 Accent 3;\lsdpriority48 \lsdlocked0 Grid Table 3 Accent 3;\lsdpr</w:t>
      </w:r>
      <w:r w:rsidRPr="00651F56">
        <w:rPr>
          <w:rFonts w:ascii="Courier New" w:hAnsi="Courier New" w:cs="Courier New"/>
        </w:rPr>
        <w:t>iority49 \lsdlocked0 Grid Table 4 Accent 3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50 \lsdlocked0 Grid Table 5 Dark Accent 3;\lsdpriority51 \lsdlocked0 Grid Table 6 Colorful Accent 3;\lsdpriority52 \lsdlocked0 Grid Table 7 Colorful Accent 3;\lsdpriority46 \lsdlocked0 Grid Table 1 L</w:t>
      </w:r>
      <w:r w:rsidRPr="00651F56">
        <w:rPr>
          <w:rFonts w:ascii="Courier New" w:hAnsi="Courier New" w:cs="Courier New"/>
        </w:rPr>
        <w:t>ight Accent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7 \lsdlocked0 Grid Table 2 Accent 4;\lsdpriority48 \lsdlocked0 Grid Table 3 Accent 4;\lsdpriority49 \lsdlocked0 Grid Table 4 Accent 4;\lsdpriority50 \lsdlocked0 Grid Table 5 Dark Accent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51 \lsdlocked0 Grid Table</w:t>
      </w:r>
      <w:r w:rsidRPr="00651F56">
        <w:rPr>
          <w:rFonts w:ascii="Courier New" w:hAnsi="Courier New" w:cs="Courier New"/>
        </w:rPr>
        <w:t xml:space="preserve"> 6 Colorful Accent 4;\lsdpriority52 \lsdlocked0 Grid Table 7 Colorful Accent 4;\lsdpriority46 \lsdlocked0 Grid Table 1 Light Accent 5;\lsdpriority47 \lsdlocked0 Grid Table 2 Accent 5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8 \lsdlocked0 Grid Table 3 Accent 5;\lsdpriority49 \lsdloc</w:t>
      </w:r>
      <w:r w:rsidRPr="00651F56">
        <w:rPr>
          <w:rFonts w:ascii="Courier New" w:hAnsi="Courier New" w:cs="Courier New"/>
        </w:rPr>
        <w:t>ked0 Grid Table 4 Accent 5;\lsdpriority50 \lsdlocked0 Grid Table 5 Dark Accent 5;\lsdpriority51 \lsdlocked0 Grid Table 6 Colorful Accent 5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52 \lsdlocked0 Grid Table 7 Colorful Accent 5;\lsdpriority46 \lsdlocked0 Grid Table 1 Light Accent 6;\l</w:t>
      </w:r>
      <w:r w:rsidRPr="00651F56">
        <w:rPr>
          <w:rFonts w:ascii="Courier New" w:hAnsi="Courier New" w:cs="Courier New"/>
        </w:rPr>
        <w:t>sdpriority47 \lsdlocked0 Grid Table 2 Accent 6;\lsdpriority48 \lsdlocked0 Grid Table 3 Accent 6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9 \lsdlocked0 Grid Table 4 Accent 6;\lsdpriority50 \lsdlocked0 Grid Table 5 Dark Accent 6;\lsdpriority51 \lsdlocked0 Grid Table 6 Colorful Accent</w:t>
      </w:r>
      <w:r w:rsidRPr="00651F56">
        <w:rPr>
          <w:rFonts w:ascii="Courier New" w:hAnsi="Courier New" w:cs="Courier New"/>
        </w:rPr>
        <w:t xml:space="preserve"> 6;\lsdpriority52 \lsdlocked0 Grid Table 7 Colorful Accent 6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 xml:space="preserve">\lsdpriority46 \lsdlocked0 List Table 1 Light;\lsdpriority47 \lsdlocked0 List Table 2;\lsdpriority48 \lsdlocked0 List Table 3;\lsdpriority49 \lsdlocked0 List Table 4;\lsdpriority50 \lsdlocked0 </w:t>
      </w:r>
      <w:r w:rsidRPr="00651F56">
        <w:rPr>
          <w:rFonts w:ascii="Courier New" w:hAnsi="Courier New" w:cs="Courier New"/>
        </w:rPr>
        <w:t>List Table 5 Dark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51 \lsdlocked0 List Table 6 Colorful;\lsdpriority52 \lsdlocked0 List Table 7 Colorful;\lsdpriority46 \lsdlocked0 List Table 1 Light Accent 1;\lsdpriority47 \lsdlocked0 List Table 2 Accent 1;\lsdpriority48 \lsdlocked0 List Ta</w:t>
      </w:r>
      <w:r w:rsidRPr="00651F56">
        <w:rPr>
          <w:rFonts w:ascii="Courier New" w:hAnsi="Courier New" w:cs="Courier New"/>
        </w:rPr>
        <w:t>ble 3 Accent 1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9 \lsdlocked0 List Table 4 Accent 1;\lsdpriority50 \lsdlocked0 List Table 5 Dark Accent 1;\lsdpriority51 \lsdlocked0 List Table 6 Colorful Accent 1;\lsdpriority52 \lsdlocked0 List Table 7 Colorful Accent 1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6 \ls</w:t>
      </w:r>
      <w:r w:rsidRPr="00651F56">
        <w:rPr>
          <w:rFonts w:ascii="Courier New" w:hAnsi="Courier New" w:cs="Courier New"/>
        </w:rPr>
        <w:t>dlocked0 List Table 1 Light Accent 2;\lsdpriority47 \lsdlocked0 List Table 2 Accent 2;\lsdpriority48 \lsdlocked0 List Table 3 Accent 2;\lsdpriority49 \lsdlocked0 List Table 4 Accent 2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50 \lsdlocked0 List Table 5 Dark Accent 2;\lsdpriority51 \</w:t>
      </w:r>
      <w:r w:rsidRPr="00651F56">
        <w:rPr>
          <w:rFonts w:ascii="Courier New" w:hAnsi="Courier New" w:cs="Courier New"/>
        </w:rPr>
        <w:t>lsdlocked0 List Table 6 Colorful Accent 2;\lsdpriority52 \lsdlocked0 List Table 7 Colorful Accent 2;\lsdpriority46 \lsdlocked0 List Table 1 Light Accent 3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7 \lsdlocked0 List Table 2 Accent 3;\lsdpriority48 \lsdlocked0 List Table 3 Accent 3;\</w:t>
      </w:r>
      <w:r w:rsidRPr="00651F56">
        <w:rPr>
          <w:rFonts w:ascii="Courier New" w:hAnsi="Courier New" w:cs="Courier New"/>
        </w:rPr>
        <w:t>lsdpriority49 \lsdlocked0 List Table 4 Accent 3;\lsdpriority50 \lsdlocked0 List Table 5 Dark Accent 3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51 \lsdlocked0 List Table 6 Colorful Accent 3;\lsdpriority52 \lsdlocked0 List Table 7 Colorful Accent 3;\lsdpriority46 \lsdlocked0 List Tabl</w:t>
      </w:r>
      <w:r w:rsidRPr="00651F56">
        <w:rPr>
          <w:rFonts w:ascii="Courier New" w:hAnsi="Courier New" w:cs="Courier New"/>
        </w:rPr>
        <w:t>e 1 Light Accent 4;\lsdpriority47 \lsdlocked0 List Table 2 Accent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8 \lsdlocked0 List Table 3 Accent 4;\lsdpriority49 \lsdlocked0 List Table 4 Accent 4;\lsdpriority50 \lsdlocked0 List Table 5 Dark Accent 4;\lsdpriority51 \lsdlocked0 List Ta</w:t>
      </w:r>
      <w:r w:rsidRPr="00651F56">
        <w:rPr>
          <w:rFonts w:ascii="Courier New" w:hAnsi="Courier New" w:cs="Courier New"/>
        </w:rPr>
        <w:t>ble 6 Colorful Accent 4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52 \lsdlocked0 List Table 7 Colorful Accent 4;\lsdpriority46 \lsdlocked0 List Table 1 Light Accent 5;\lsdpriority47 \lsdlocked0 List Table 2 Accent 5;\lsdpriority48 \lsdlocked0 List Table 3 Accent 5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9 \l</w:t>
      </w:r>
      <w:r w:rsidRPr="00651F56">
        <w:rPr>
          <w:rFonts w:ascii="Courier New" w:hAnsi="Courier New" w:cs="Courier New"/>
        </w:rPr>
        <w:t>sdlocked0 List Table 4 Accent 5;\lsdpriority50 \lsdlocked0 List Table 5 Dark Accent 5;\lsdpriority51 \lsdlocked0 List Table 6 Colorful Accent 5;\lsdpriority52 \lsdlocked0 List Table 7 Colorful Accent 5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46 \lsdlocked0 List Table 1 Light Accent</w:t>
      </w:r>
      <w:r w:rsidRPr="00651F56">
        <w:rPr>
          <w:rFonts w:ascii="Courier New" w:hAnsi="Courier New" w:cs="Courier New"/>
        </w:rPr>
        <w:t xml:space="preserve"> 6;\lsdpriority47 \lsdlocked0 List Table 2 Accent 6;\lsdpriority48 \lsdlocked0 List Table 3 Accent 6;\lsdpriority49 \lsdlocked0 List Table 4 Accent 6;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\lsdpriority50 \lsdlocked0 List Table 5 Dark Accent 6;\lsdpriority51 \lsdlocked0 List Table 6 Colorful A</w:t>
      </w:r>
      <w:r w:rsidRPr="00651F56">
        <w:rPr>
          <w:rFonts w:ascii="Courier New" w:hAnsi="Courier New" w:cs="Courier New"/>
        </w:rPr>
        <w:t>ccent 6;\lsdpriority52 \lsdlocked0 List Table 7 Colorful Accent 6;}}{\*\datastore 01050000020000001800000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4d73786d6c322e534158584d4c5265616465722e362e300000000000000000000006000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d0cf11e0a1b11ae1000000000000000000000000000000003e000300feff09000600000000</w:t>
      </w:r>
      <w:r w:rsidRPr="00651F56">
        <w:rPr>
          <w:rFonts w:ascii="Courier New" w:hAnsi="Courier New" w:cs="Courier New"/>
        </w:rPr>
        <w:t>0000000000000001000000010000000000000000100000feffffff00000000feffffff0000000000000000ffffffffffffffffffffffffffffffffffffffffffffffffffffffffffffffffffffffffffffffffffffffffff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fffffffffffffffffffffffffffffffffffffffffffffffffffffffffffffffffffffffffff</w:t>
      </w:r>
      <w:r w:rsidRPr="00651F56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fffffffffffffffffffffffffffffffffffffffffffffffffffffffffffffffffffffffffffff</w:t>
      </w:r>
      <w:r w:rsidRPr="00651F56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fffffffffffffffffffffffffffffffffffffffffffffffffffffffffffffffffffffffffffffff</w:t>
      </w:r>
      <w:r w:rsidRPr="00651F56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ffffffffffffffffdfffffffeffffffffffffffffffffffffffffffffffffffffffffffffffffffff</w:t>
      </w:r>
      <w:r w:rsidRPr="00651F56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fffffffffffffffffffffffffffffffffffffffffffffffffffffffffffffffffffffffffffffffffff</w:t>
      </w:r>
      <w:r w:rsidRPr="00651F56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fffffffffffffffffffffffffffffffffffffffffffffffffffffffffffffffffffffffffffffffffffff</w:t>
      </w:r>
      <w:r w:rsidRPr="00651F56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fffffffffffffffffffffffffffffffffffffffffffffffffffffffffffffffffffffffffffffffffffffff</w:t>
      </w:r>
      <w:r w:rsidRPr="00651F56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fffffffffffffffffffffffffffffff52006f006f007400200045006e00740072007900000000000000000000</w:t>
      </w:r>
      <w:r w:rsidRPr="00651F56">
        <w:rPr>
          <w:rFonts w:ascii="Courier New" w:hAnsi="Courier New" w:cs="Courier New"/>
        </w:rPr>
        <w:t>000000000000000000000000000000000000000000000000000000000000000000000016000500ffffffffffffffffffffffff0c6ad98892f1d411a65f0040963251e5000000000000000000000000b075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f4fc6450d701feffffff000000000000000000000000000000000000000000000000000000000000000000000000</w:t>
      </w:r>
      <w:r w:rsidRPr="00651F56">
        <w:rPr>
          <w:rFonts w:ascii="Courier New" w:hAnsi="Courier New" w:cs="Courier New"/>
        </w:rPr>
        <w:t>00000000000000000000000000000000000000000000000000000000000000000000000000000000ffffffffffffffffffffffff0000000000000000000000000000000000000000000000000000000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0000000000000000000000000000000000000000000000000000000000000000000000000000000000000000000000</w:t>
      </w:r>
      <w:r w:rsidRPr="00651F56">
        <w:rPr>
          <w:rFonts w:ascii="Courier New" w:hAnsi="Courier New" w:cs="Courier New"/>
        </w:rPr>
        <w:t>0000000000000000000000000000000000000000000000000000000000000000000000000000000000ffffffffffffffffffffffff000000000000000000000000000000000000000000000000000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000000000000000000000000000000000000000000000000000000000000000000000000000000000000000000000000</w:t>
      </w:r>
      <w:r w:rsidRPr="00651F56">
        <w:rPr>
          <w:rFonts w:ascii="Courier New" w:hAnsi="Courier New" w:cs="Courier New"/>
        </w:rPr>
        <w:t>000000000000000000000000000000000000000000000000000000000000000000000000000000000000ffffffffffffffffffffffff000000000000000000000000000000000000000000000000</w:t>
      </w:r>
    </w:p>
    <w:p w:rsidR="00000000" w:rsidRPr="00651F56" w:rsidRDefault="002F4BE1" w:rsidP="00651F56">
      <w:pPr>
        <w:pStyle w:val="PlainText"/>
        <w:rPr>
          <w:rFonts w:ascii="Courier New" w:hAnsi="Courier New" w:cs="Courier New"/>
        </w:rPr>
      </w:pPr>
      <w:r w:rsidRPr="00651F56">
        <w:rPr>
          <w:rFonts w:ascii="Courier New" w:hAnsi="Courier New" w:cs="Courier New"/>
        </w:rPr>
        <w:t>0000000000000000000000000000000000000000000000000105000000000000}}</w:t>
      </w:r>
    </w:p>
    <w:sectPr w:rsidR="00000000" w:rsidRPr="00651F56" w:rsidSect="00651F56">
      <w:pgSz w:w="12240" w:h="15840"/>
      <w:pgMar w:top="1440" w:right="1502" w:bottom="1440" w:left="1501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revisionView w:inkAnnotations="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55001"/>
    <w:rsid w:val="002F4BE1"/>
    <w:rsid w:val="00651F56"/>
    <w:rsid w:val="00E5500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  <w15:docId w15:val="{341653AE-7F93-417D-B176-0654C5741BF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PlainText">
    <w:name w:val="Plain Text"/>
    <w:basedOn w:val="Normal"/>
    <w:link w:val="PlainTextChar"/>
    <w:uiPriority w:val="99"/>
    <w:unhideWhenUsed/>
    <w:rsid w:val="00651F56"/>
    <w:pPr>
      <w:spacing w:after="0" w:line="240" w:lineRule="auto"/>
    </w:pPr>
    <w:rPr>
      <w:rFonts w:ascii="Consolas" w:hAnsi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rsid w:val="00651F56"/>
    <w:rPr>
      <w:rFonts w:ascii="Consolas" w:hAnsi="Consolas"/>
      <w:sz w:val="21"/>
      <w:szCs w:val="21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79202</Words>
  <Characters>451455</Characters>
  <Application>Microsoft Office Word</Application>
  <DocSecurity>4</DocSecurity>
  <Lines>3762</Lines>
  <Paragraphs>1059</Paragraphs>
  <ScaleCrop>false</ScaleCrop>
  <Company/>
  <LinksUpToDate>false</LinksUpToDate>
  <CharactersWithSpaces>52959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ord</dc:creator>
  <cp:keywords/>
  <dc:description/>
  <cp:lastModifiedBy>word</cp:lastModifiedBy>
  <cp:revision>2</cp:revision>
  <dcterms:created xsi:type="dcterms:W3CDTF">2022-03-05T08:14:00Z</dcterms:created>
  <dcterms:modified xsi:type="dcterms:W3CDTF">2022-03-05T08:14:00Z</dcterms:modified>
</cp:coreProperties>
</file>